
<file path=[Content_Types].xml><?xml version="1.0" encoding="utf-8"?>
<Types xmlns="http://schemas.openxmlformats.org/package/2006/content-types">
  <Override PartName="/xl/worksheets/sheet15.xml" ContentType="application/vnd.openxmlformats-officedocument.spreadsheetml.worksheet+xml"/>
  <Default Extension="bin" ContentType="application/vnd.openxmlformats-officedocument.spreadsheetml.printerSettings"/>
  <Default Extension="png" ContentType="image/png"/>
  <Override PartName="/xl/drawings/drawing9.xml" ContentType="application/vnd.openxmlformats-officedocument.drawing+xml"/>
  <Override PartName="/xl/worksheets/sheet9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Default Extension="jpeg" ContentType="image/jpeg"/>
  <Override PartName="/xl/drawings/drawing4.xml" ContentType="application/vnd.openxmlformats-officedocument.drawing+xml"/>
  <Override PartName="/xl/drawings/drawing5.xml" ContentType="application/vnd.openxmlformats-officedocument.drawing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10.xml" ContentType="application/vnd.openxmlformats-officedocument.spreadsheetml.worksheet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15.xml" ContentType="application/vnd.openxmlformats-officedocument.drawing+xml"/>
  <Override PartName="/docProps/app.xml" ContentType="application/vnd.openxmlformats-officedocument.extended-properties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drawings/drawing1.xml" ContentType="application/vnd.openxmlformats-officedocument.drawing+xml"/>
  <Override PartName="/xl/drawings/drawing13.xml" ContentType="application/vnd.openxmlformats-officedocument.drawing+xml"/>
  <Override PartName="/xl/drawings/drawing14.xml" ContentType="application/vnd.openxmlformats-officedocument.drawing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Default Extension="vml" ContentType="application/vnd.openxmlformats-officedocument.vmlDrawing"/>
  <Override PartName="/xl/comments1.xml" ContentType="application/vnd.openxmlformats-officedocument.spreadsheetml.comments+xml"/>
  <Override PartName="/xl/drawings/drawing11.xml" ContentType="application/vnd.openxmlformats-officedocument.drawing+xml"/>
  <Override PartName="/xl/drawings/drawing12.xml" ContentType="application/vnd.openxmlformats-officedocument.drawing+xml"/>
  <Override PartName="/xl/sharedStrings.xml" ContentType="application/vnd.openxmlformats-officedocument.spreadsheetml.sharedStrings+xml"/>
  <Override PartName="/xl/drawings/drawing10.xml" ContentType="application/vnd.openxmlformats-officedocument.drawing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4" rupBuild="4507"/>
  <workbookPr defaultThemeVersion="124226"/>
  <bookViews>
    <workbookView xWindow="240" yWindow="45" windowWidth="20115" windowHeight="7995" tabRatio="898" firstSheet="1" activeTab="14"/>
  </bookViews>
  <sheets>
    <sheet name="CAPA" sheetId="15" r:id="rId1"/>
    <sheet name="SUMÁRIO" sheetId="16" r:id="rId2"/>
    <sheet name="INVESTIMENTO" sheetId="1" r:id="rId3"/>
    <sheet name="MINI" sheetId="2" r:id="rId4"/>
    <sheet name="MIDI" sheetId="3" r:id="rId5"/>
    <sheet name="BÁSICO" sheetId="4" r:id="rId6"/>
    <sheet name="PADRON" sheetId="5" r:id="rId7"/>
    <sheet name="PADRON 15m" sheetId="6" r:id="rId8"/>
    <sheet name="ARTICULADO" sheetId="7" r:id="rId9"/>
    <sheet name="ARTICULADO 21" sheetId="8" r:id="rId10"/>
    <sheet name="ARTICULADO 23" sheetId="9" r:id="rId11"/>
    <sheet name="BIARTICULADO" sheetId="10" r:id="rId12"/>
    <sheet name="TROLEBUS" sheetId="11" r:id="rId13"/>
    <sheet name="TROLEBUS 15M" sheetId="12" r:id="rId14"/>
    <sheet name="TROLEBUS 15M BATERIA" sheetId="13" r:id="rId15"/>
  </sheets>
  <externalReferences>
    <externalReference r:id="rId16"/>
    <externalReference r:id="rId17"/>
    <externalReference r:id="rId18"/>
  </externalReferences>
  <definedNames>
    <definedName name="_xlnm.Print_Area" localSheetId="8">ARTICULADO!$A$1:$V$88</definedName>
    <definedName name="_xlnm.Print_Area" localSheetId="9">'ARTICULADO 21'!$A$1:$V$88</definedName>
    <definedName name="_xlnm.Print_Area" localSheetId="10">'ARTICULADO 23'!$A$1:$V$88</definedName>
    <definedName name="_xlnm.Print_Area" localSheetId="5">BÁSICO!$A$1:$V$88</definedName>
    <definedName name="_xlnm.Print_Area" localSheetId="11">BIARTICULADO!$A$1:$V$88</definedName>
    <definedName name="_xlnm.Print_Area" localSheetId="2">INVESTIMENTO!$A$1:$W$251</definedName>
    <definedName name="_xlnm.Print_Area" localSheetId="4">MIDI!$A$1:$V$88</definedName>
    <definedName name="_xlnm.Print_Area" localSheetId="3">MINI!$A$1:$V$88</definedName>
    <definedName name="_xlnm.Print_Area" localSheetId="6">PADRON!$A$1:$V$88</definedName>
    <definedName name="_xlnm.Print_Area" localSheetId="7">'PADRON 15m'!$A$1:$V$88</definedName>
    <definedName name="_xlnm.Print_Area" localSheetId="1">SUMÁRIO!$A$1:$J$47</definedName>
    <definedName name="_xlnm.Print_Area" localSheetId="12">TROLEBUS!$A$1:$W$87</definedName>
    <definedName name="_xlnm.Print_Area" localSheetId="13">'TROLEBUS 15M'!$A$1:$V$87</definedName>
    <definedName name="_xlnm.Print_Area" localSheetId="14">'TROLEBUS 15M BATERIA'!$A$1:$V$96</definedName>
    <definedName name="infotrans?">'[1]Quadro 1 - final'!$C$1</definedName>
    <definedName name="TIRMETA" localSheetId="0">[2]OPÇÕES!$B$26</definedName>
    <definedName name="TIRMETA">[3]OPÇÕES!$B$26</definedName>
    <definedName name="_xlnm.Print_Titles" localSheetId="8">ARTICULADO!$A:$A</definedName>
    <definedName name="_xlnm.Print_Titles" localSheetId="9">'ARTICULADO 21'!$A:$A</definedName>
    <definedName name="_xlnm.Print_Titles" localSheetId="10">'ARTICULADO 23'!$A:$A</definedName>
    <definedName name="_xlnm.Print_Titles" localSheetId="5">BÁSICO!$A:$A</definedName>
    <definedName name="_xlnm.Print_Titles" localSheetId="11">BIARTICULADO!$A:$A</definedName>
    <definedName name="_xlnm.Print_Titles" localSheetId="4">MIDI!$A:$A</definedName>
    <definedName name="_xlnm.Print_Titles" localSheetId="3">MINI!$A:$A</definedName>
    <definedName name="_xlnm.Print_Titles" localSheetId="6">PADRON!$A:$A</definedName>
    <definedName name="_xlnm.Print_Titles" localSheetId="7">'PADRON 15m'!$A:$A</definedName>
  </definedNames>
  <calcPr calcId="125725"/>
</workbook>
</file>

<file path=xl/comments1.xml><?xml version="1.0" encoding="utf-8"?>
<comments xmlns="http://schemas.openxmlformats.org/spreadsheetml/2006/main">
  <authors>
    <author>S</author>
  </authors>
  <commentList>
    <comment ref="F186" authorId="0">
      <text>
        <r>
          <rPr>
            <b/>
            <sz val="7"/>
            <color indexed="81"/>
            <rFont val="Tahoma"/>
            <family val="2"/>
          </rPr>
          <t>Frota ainda não depreciada representa 75% do investimento inicial</t>
        </r>
      </text>
    </comment>
  </commentList>
</comments>
</file>

<file path=xl/sharedStrings.xml><?xml version="1.0" encoding="utf-8"?>
<sst xmlns="http://schemas.openxmlformats.org/spreadsheetml/2006/main" count="1194" uniqueCount="141">
  <si>
    <t>VALOR RESIDUAL FINAL</t>
  </si>
  <si>
    <t>VEÍCULOS</t>
  </si>
  <si>
    <t>% RESIDUAL</t>
  </si>
  <si>
    <t>ANO 0</t>
  </si>
  <si>
    <t>ANO 1</t>
  </si>
  <si>
    <t>ANO 2</t>
  </si>
  <si>
    <t>ANO 3</t>
  </si>
  <si>
    <t>ANO 4</t>
  </si>
  <si>
    <t>ANO 5</t>
  </si>
  <si>
    <t>ANO 6</t>
  </si>
  <si>
    <t>ANO 7</t>
  </si>
  <si>
    <t>ANO 8</t>
  </si>
  <si>
    <t>ANO 9</t>
  </si>
  <si>
    <t>ANO 10</t>
  </si>
  <si>
    <t>ANO 11</t>
  </si>
  <si>
    <t>ANO 12</t>
  </si>
  <si>
    <t>ANO 13</t>
  </si>
  <si>
    <t>ANO 14</t>
  </si>
  <si>
    <t>ANO 15</t>
  </si>
  <si>
    <t>ANO 16</t>
  </si>
  <si>
    <t>ANO 17</t>
  </si>
  <si>
    <t>ANO 18</t>
  </si>
  <si>
    <t>ANO 19</t>
  </si>
  <si>
    <t>ANO 20</t>
  </si>
  <si>
    <t>ZERO KM</t>
  </si>
  <si>
    <t>1 ANO</t>
  </si>
  <si>
    <t>2 ANO</t>
  </si>
  <si>
    <t>3 ANO</t>
  </si>
  <si>
    <t>4 ANO</t>
  </si>
  <si>
    <t>5 ANO</t>
  </si>
  <si>
    <t>6 ANO</t>
  </si>
  <si>
    <t>7 ANO</t>
  </si>
  <si>
    <t>8 ANO</t>
  </si>
  <si>
    <t>9 ANO</t>
  </si>
  <si>
    <t>10 ANO</t>
  </si>
  <si>
    <t>TOTAL</t>
  </si>
  <si>
    <t>VIDA ÚTIL 7 ANOS</t>
  </si>
  <si>
    <t>% DO VEÍCULO NOVO</t>
  </si>
  <si>
    <t>QUANTIDADE</t>
  </si>
  <si>
    <t>VIDA ÚTIL 10 ANOS</t>
  </si>
  <si>
    <t>10 ANOS - INVESTIMENTO ANTECIPADO</t>
  </si>
  <si>
    <t>VIDA ÚTIL 10 ANOS A</t>
  </si>
  <si>
    <t>TIPOLOGIA</t>
  </si>
  <si>
    <t>PREÇO 
VEÍCULO R$</t>
  </si>
  <si>
    <t>VIDA ÚTIL</t>
  </si>
  <si>
    <t>% RESERVA
 TÉCNICA</t>
  </si>
  <si>
    <t>Midiônibus</t>
  </si>
  <si>
    <t>Miniônibus</t>
  </si>
  <si>
    <t>Básico</t>
  </si>
  <si>
    <t>Padron</t>
  </si>
  <si>
    <t>Padron 15M</t>
  </si>
  <si>
    <t>Articulado</t>
  </si>
  <si>
    <t>Articulado 21M</t>
  </si>
  <si>
    <t>10A</t>
  </si>
  <si>
    <t>Articulado 23M</t>
  </si>
  <si>
    <t>Biarticulado II</t>
  </si>
  <si>
    <t>MINIÔNIBUS</t>
  </si>
  <si>
    <t>FROTA CONSIDERADA</t>
  </si>
  <si>
    <t>TIR</t>
  </si>
  <si>
    <t>RECEITA POR VEÍCULO - R$/mês</t>
  </si>
  <si>
    <t>CUSTOS POR VEÍCULO - R$/mês</t>
  </si>
  <si>
    <t>CUSTOS VARIÁVEIS - R$/mês</t>
  </si>
  <si>
    <t>CUSTOS FIXOS - R$/mês</t>
  </si>
  <si>
    <t>ACRÉSCIMO CUSTO AR CONDICIONADO-R$/ano</t>
  </si>
  <si>
    <t>R$/ano</t>
  </si>
  <si>
    <t>1. RECEITA</t>
  </si>
  <si>
    <t>2. IMPOSTOS SOBRE RECEITA</t>
  </si>
  <si>
    <t>3. RECEITA LÍQUIDA (1 - 2)</t>
  </si>
  <si>
    <t>4. CUSTOS</t>
  </si>
  <si>
    <t>5. DEPRECIAÇÃO</t>
  </si>
  <si>
    <t>6. RESULTADO ANTES DO IR (3- 4 - 5)</t>
  </si>
  <si>
    <t>7. IMPOSTO DE RENDA E CSSL</t>
  </si>
  <si>
    <t>8. RESULTADO DEPOIS DO IR (6-7)</t>
  </si>
  <si>
    <t>9.DEPRECIAÇÃO (5)</t>
  </si>
  <si>
    <t>10. FLUXO OPERACIONAL (8+9)</t>
  </si>
  <si>
    <t>11. INVESTIMENTO (11.1+11.2+11.3+11.4)</t>
  </si>
  <si>
    <t>11.1 FROTA</t>
  </si>
  <si>
    <t>11.2 EQUIPAMENTOS EMBARCADOS</t>
  </si>
  <si>
    <t>11.3 INSTALAÇÕES</t>
  </si>
  <si>
    <t>11.4 CAPITAL DE GIRO</t>
  </si>
  <si>
    <t>12. VENDA DE ATIVOS</t>
  </si>
  <si>
    <t>FROTA</t>
  </si>
  <si>
    <t>INSTALAÇÕES</t>
  </si>
  <si>
    <t>13. FLUXO DE CAIXA (10 - 11 + 12)</t>
  </si>
  <si>
    <t>DEPRECIAÇÃO TOTAL</t>
  </si>
  <si>
    <t>DEPRECIAÇÃO VEICULOS</t>
  </si>
  <si>
    <t>DEPRECIAÇÃO INSTALAÇÃO</t>
  </si>
  <si>
    <t>DEPRECIAÇÃO EQUIP embarcados</t>
  </si>
  <si>
    <t>MIDIÔNIBUS</t>
  </si>
  <si>
    <t>BÁSICO</t>
  </si>
  <si>
    <t>PADRON</t>
  </si>
  <si>
    <t>PADRON 15 METROS</t>
  </si>
  <si>
    <t>ARTICULADO</t>
  </si>
  <si>
    <t>ARTICULADO 23 METROS</t>
  </si>
  <si>
    <t>BIARTICULADO</t>
  </si>
  <si>
    <t>TRÓLEBUS</t>
  </si>
  <si>
    <t>MEMÓRIA DE CÁLCULO</t>
  </si>
  <si>
    <t>ANEXO 4.5</t>
  </si>
  <si>
    <t>FLUXOS DE CAIXA POR VEÍCULO OPERACIONAL COM AR CONDICIONADO</t>
  </si>
  <si>
    <t>SUMÁRIO</t>
  </si>
  <si>
    <t>Página</t>
  </si>
  <si>
    <t>INVESTIMENTO</t>
  </si>
  <si>
    <t>Frota com 7 Anos de Vida Útil</t>
  </si>
  <si>
    <t>Valor Residual Final</t>
  </si>
  <si>
    <t>Frota com 10 Anos de Vida Útil</t>
  </si>
  <si>
    <t>Frota com 10 Anos de Vida Útil Investimento Inicial Antecipado</t>
  </si>
  <si>
    <t>Venda de Veículos</t>
  </si>
  <si>
    <t>Frota com Vida Útil de 7 Anos</t>
  </si>
  <si>
    <t>Compra de Veículo</t>
  </si>
  <si>
    <t>Investimentos - R$/Ano</t>
  </si>
  <si>
    <t>Depreciação da Frota - R$/Ano</t>
  </si>
  <si>
    <t>Venda Líquida de Frota - R$/Ano</t>
  </si>
  <si>
    <t>Parâmetros Básicos para o Cálculo do Fluxo de Caixa - Veículo Operacional</t>
  </si>
  <si>
    <t>Inclui Ar Condicionado</t>
  </si>
  <si>
    <t>Fluxo de Caixa por Tipologia de Veículo</t>
  </si>
  <si>
    <t>Demonstrativo Depreciação</t>
  </si>
  <si>
    <t>5/16</t>
  </si>
  <si>
    <t>Padron 15 Metros</t>
  </si>
  <si>
    <t>ARTICULADO 21 METROS</t>
  </si>
  <si>
    <t>Articulado 21 Metros</t>
  </si>
  <si>
    <t>Articulado 23 Metros</t>
  </si>
  <si>
    <t>Biarticulado</t>
  </si>
  <si>
    <t>Trólebus</t>
  </si>
  <si>
    <t>TRÓLEBUS 15 METROS</t>
  </si>
  <si>
    <t>Trólebus 15 Metros</t>
  </si>
  <si>
    <t>TRÓLEBUS 15 METROS COM BATERIA</t>
  </si>
  <si>
    <t>Trólebus 15 Metros com Bateria</t>
  </si>
  <si>
    <t>2/16</t>
  </si>
  <si>
    <t>3/16</t>
  </si>
  <si>
    <t>4/16</t>
  </si>
  <si>
    <t>6/16</t>
  </si>
  <si>
    <t>7/16</t>
  </si>
  <si>
    <t>8/16</t>
  </si>
  <si>
    <t>9/16</t>
  </si>
  <si>
    <t>10/16</t>
  </si>
  <si>
    <t>11/16</t>
  </si>
  <si>
    <t>12/16</t>
  </si>
  <si>
    <t>13/16</t>
  </si>
  <si>
    <t>14/16</t>
  </si>
  <si>
    <t>15/16</t>
  </si>
  <si>
    <t>16/16</t>
  </si>
</sst>
</file>

<file path=xl/styles.xml><?xml version="1.0" encoding="utf-8"?>
<styleSheet xmlns="http://schemas.openxmlformats.org/spreadsheetml/2006/main">
  <numFmts count="10">
    <numFmt numFmtId="42" formatCode="_-&quot;R$&quot;\ * #,##0_-;\-&quot;R$&quot;\ * #,##0_-;_-&quot;R$&quot;\ * &quot;-&quot;_-;_-@_-"/>
    <numFmt numFmtId="44" formatCode="_-&quot;R$&quot;\ * #,##0.00_-;\-&quot;R$&quot;\ * #,##0.00_-;_-&quot;R$&quot;\ * &quot;-&quot;??_-;_-@_-"/>
    <numFmt numFmtId="43" formatCode="_-* #,##0.00_-;\-* #,##0.00_-;_-* &quot;-&quot;??_-;_-@_-"/>
    <numFmt numFmtId="164" formatCode="_(* #,##0_);_(* \(#,##0\);_(* &quot;-&quot;??_);_(@_)"/>
    <numFmt numFmtId="165" formatCode="_(* #,##0.0_);_(* \(#,##0.0\);_(* &quot;-&quot;??_);_(@_)"/>
    <numFmt numFmtId="166" formatCode="0.0%"/>
    <numFmt numFmtId="167" formatCode="#,#00"/>
    <numFmt numFmtId="168" formatCode="%#,#00"/>
    <numFmt numFmtId="169" formatCode="#.##000"/>
    <numFmt numFmtId="170" formatCode="#,"/>
  </numFmts>
  <fonts count="23">
    <font>
      <sz val="10"/>
      <name val="Arial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</font>
    <font>
      <b/>
      <sz val="8"/>
      <name val="Arial"/>
      <family val="2"/>
    </font>
    <font>
      <sz val="8"/>
      <name val="Arial"/>
      <family val="2"/>
    </font>
    <font>
      <b/>
      <sz val="8"/>
      <color theme="0"/>
      <name val="Arial"/>
      <family val="2"/>
    </font>
    <font>
      <b/>
      <sz val="7"/>
      <color indexed="81"/>
      <name val="Tahoma"/>
      <family val="2"/>
    </font>
    <font>
      <sz val="10"/>
      <name val="Arial"/>
      <family val="2"/>
    </font>
    <font>
      <b/>
      <sz val="8"/>
      <color indexed="9"/>
      <name val="Arial"/>
      <family val="2"/>
    </font>
    <font>
      <sz val="1"/>
      <color indexed="8"/>
      <name val="Courier"/>
      <family val="3"/>
    </font>
    <font>
      <sz val="10"/>
      <name val="Courier"/>
      <family val="3"/>
    </font>
    <font>
      <b/>
      <sz val="1"/>
      <color indexed="8"/>
      <name val="Courier"/>
      <family val="3"/>
    </font>
    <font>
      <sz val="15"/>
      <name val="Arial"/>
      <family val="2"/>
    </font>
    <font>
      <b/>
      <sz val="22"/>
      <name val="Arial"/>
      <family val="2"/>
    </font>
    <font>
      <sz val="12"/>
      <color theme="1"/>
      <name val="Arial"/>
      <family val="2"/>
    </font>
    <font>
      <b/>
      <sz val="12"/>
      <color theme="1"/>
      <name val="Arial"/>
      <family val="2"/>
    </font>
    <font>
      <b/>
      <sz val="12"/>
      <name val="Arial"/>
      <family val="2"/>
    </font>
    <font>
      <sz val="10"/>
      <color theme="1"/>
      <name val="Arial"/>
      <family val="2"/>
    </font>
    <font>
      <b/>
      <sz val="14"/>
      <name val="Arial"/>
      <family val="2"/>
    </font>
    <font>
      <b/>
      <sz val="10"/>
      <name val="Arial"/>
      <family val="2"/>
    </font>
    <font>
      <sz val="12"/>
      <name val="Arial"/>
      <family val="2"/>
    </font>
  </fonts>
  <fills count="7">
    <fill>
      <patternFill patternType="none"/>
    </fill>
    <fill>
      <patternFill patternType="gray125"/>
    </fill>
    <fill>
      <patternFill patternType="solid">
        <fgColor theme="3" tint="0.39997558519241921"/>
        <bgColor indexed="64"/>
      </patternFill>
    </fill>
    <fill>
      <patternFill patternType="solid">
        <fgColor theme="4" tint="-0.249977111117893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4" tint="0.59999389629810485"/>
        <bgColor indexed="64"/>
      </patternFill>
    </fill>
  </fills>
  <borders count="15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12"/>
      </top>
      <bottom style="thick">
        <color indexed="12"/>
      </bottom>
      <diagonal/>
    </border>
  </borders>
  <cellStyleXfs count="208">
    <xf numFmtId="0" fontId="0" fillId="0" borderId="0"/>
    <xf numFmtId="43" fontId="4" fillId="0" borderId="0" applyFont="0" applyFill="0" applyBorder="0" applyAlignment="0" applyProtection="0"/>
    <xf numFmtId="9" fontId="4" fillId="0" borderId="0" applyFont="0" applyFill="0" applyBorder="0" applyAlignment="0" applyProtection="0"/>
    <xf numFmtId="0" fontId="3" fillId="0" borderId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2" fontId="4" fillId="0" borderId="14"/>
    <xf numFmtId="0" fontId="11" fillId="0" borderId="0">
      <protection locked="0"/>
    </xf>
    <xf numFmtId="167" fontId="11" fillId="0" borderId="0">
      <protection locked="0"/>
    </xf>
    <xf numFmtId="167" fontId="11" fillId="0" borderId="0">
      <protection locked="0"/>
    </xf>
    <xf numFmtId="0" fontId="12" fillId="0" borderId="0"/>
    <xf numFmtId="44" fontId="9" fillId="0" borderId="0" applyFont="0" applyFill="0" applyBorder="0" applyAlignment="0" applyProtection="0"/>
    <xf numFmtId="44" fontId="4" fillId="0" borderId="0" applyFont="0" applyFill="0" applyBorder="0" applyAlignment="0" applyProtection="0"/>
    <xf numFmtId="0" fontId="9" fillId="0" borderId="0"/>
    <xf numFmtId="168" fontId="11" fillId="0" borderId="0">
      <protection locked="0"/>
    </xf>
    <xf numFmtId="168" fontId="11" fillId="0" borderId="0">
      <protection locked="0"/>
    </xf>
    <xf numFmtId="169" fontId="11" fillId="0" borderId="0">
      <protection locked="0"/>
    </xf>
    <xf numFmtId="9" fontId="9" fillId="0" borderId="0" applyFont="0" applyFill="0" applyBorder="0" applyAlignment="0" applyProtection="0"/>
    <xf numFmtId="9" fontId="4" fillId="0" borderId="0" applyFont="0" applyFill="0" applyBorder="0" applyAlignment="0" applyProtection="0"/>
    <xf numFmtId="2" fontId="4" fillId="0" borderId="14" applyFont="0" applyFill="0" applyBorder="0" applyAlignment="0" applyProtection="0"/>
    <xf numFmtId="42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4" fillId="0" borderId="0" applyFont="0" applyFill="0" applyBorder="0" applyAlignment="0" applyProtection="0"/>
    <xf numFmtId="44" fontId="9" fillId="0" borderId="0" applyFont="0" applyFill="0" applyBorder="0" applyAlignment="0" applyProtection="0"/>
    <xf numFmtId="170" fontId="13" fillId="0" borderId="0">
      <protection locked="0"/>
    </xf>
    <xf numFmtId="170" fontId="13" fillId="0" borderId="0">
      <protection locked="0"/>
    </xf>
    <xf numFmtId="0" fontId="2" fillId="0" borderId="0"/>
  </cellStyleXfs>
  <cellXfs count="124">
    <xf numFmtId="0" fontId="0" fillId="0" borderId="0" xfId="0"/>
    <xf numFmtId="0" fontId="5" fillId="0" borderId="0" xfId="0" applyFont="1"/>
    <xf numFmtId="0" fontId="6" fillId="0" borderId="0" xfId="0" applyFont="1"/>
    <xf numFmtId="9" fontId="5" fillId="0" borderId="0" xfId="0" applyNumberFormat="1" applyFont="1"/>
    <xf numFmtId="0" fontId="6" fillId="0" borderId="1" xfId="0" applyFont="1" applyBorder="1"/>
    <xf numFmtId="0" fontId="7" fillId="2" borderId="0" xfId="3" applyFont="1" applyFill="1" applyBorder="1" applyAlignment="1">
      <alignment horizontal="left" vertical="center"/>
    </xf>
    <xf numFmtId="0" fontId="7" fillId="2" borderId="0" xfId="0" applyFont="1" applyFill="1" applyBorder="1" applyAlignment="1">
      <alignment horizontal="center" vertical="center" wrapText="1"/>
    </xf>
    <xf numFmtId="0" fontId="6" fillId="0" borderId="0" xfId="3" applyFont="1" applyFill="1" applyBorder="1" applyAlignment="1">
      <alignment horizontal="left"/>
    </xf>
    <xf numFmtId="10" fontId="6" fillId="0" borderId="0" xfId="2" applyNumberFormat="1" applyFont="1" applyFill="1" applyBorder="1" applyAlignment="1">
      <alignment horizontal="center"/>
    </xf>
    <xf numFmtId="0" fontId="6" fillId="0" borderId="0" xfId="0" applyFont="1" applyFill="1" applyAlignment="1">
      <alignment horizontal="center"/>
    </xf>
    <xf numFmtId="0" fontId="6" fillId="0" borderId="0" xfId="0" applyFont="1" applyFill="1"/>
    <xf numFmtId="10" fontId="6" fillId="0" borderId="0" xfId="2" applyNumberFormat="1" applyFont="1" applyFill="1" applyAlignment="1">
      <alignment horizontal="center"/>
    </xf>
    <xf numFmtId="10" fontId="6" fillId="0" borderId="0" xfId="0" applyNumberFormat="1" applyFont="1" applyFill="1"/>
    <xf numFmtId="0" fontId="6" fillId="0" borderId="1" xfId="0" applyFont="1" applyFill="1" applyBorder="1"/>
    <xf numFmtId="0" fontId="6" fillId="0" borderId="1" xfId="0" applyFont="1" applyFill="1" applyBorder="1" applyAlignment="1">
      <alignment horizontal="center"/>
    </xf>
    <xf numFmtId="0" fontId="5" fillId="0" borderId="1" xfId="0" applyFont="1" applyFill="1" applyBorder="1"/>
    <xf numFmtId="0" fontId="5" fillId="0" borderId="1" xfId="0" applyFont="1" applyFill="1" applyBorder="1" applyAlignment="1">
      <alignment horizontal="center"/>
    </xf>
    <xf numFmtId="10" fontId="6" fillId="0" borderId="1" xfId="2" applyNumberFormat="1" applyFont="1" applyFill="1" applyBorder="1" applyAlignment="1">
      <alignment horizontal="center"/>
    </xf>
    <xf numFmtId="10" fontId="6" fillId="0" borderId="0" xfId="0" applyNumberFormat="1" applyFont="1"/>
    <xf numFmtId="0" fontId="7" fillId="2" borderId="2" xfId="0" applyFont="1" applyFill="1" applyBorder="1" applyAlignment="1">
      <alignment horizontal="left"/>
    </xf>
    <xf numFmtId="0" fontId="7" fillId="2" borderId="3" xfId="0" applyFont="1" applyFill="1" applyBorder="1" applyAlignment="1">
      <alignment horizontal="center"/>
    </xf>
    <xf numFmtId="0" fontId="7" fillId="2" borderId="4" xfId="0" applyFont="1" applyFill="1" applyBorder="1" applyAlignment="1">
      <alignment horizontal="center"/>
    </xf>
    <xf numFmtId="0" fontId="6" fillId="0" borderId="5" xfId="0" applyFont="1" applyFill="1" applyBorder="1"/>
    <xf numFmtId="0" fontId="6" fillId="0" borderId="0" xfId="0" applyFont="1" applyFill="1" applyBorder="1"/>
    <xf numFmtId="9" fontId="6" fillId="0" borderId="0" xfId="0" applyNumberFormat="1" applyFont="1" applyFill="1" applyBorder="1" applyAlignment="1">
      <alignment horizontal="center"/>
    </xf>
    <xf numFmtId="9" fontId="6" fillId="0" borderId="6" xfId="0" applyNumberFormat="1" applyFont="1" applyFill="1" applyBorder="1" applyAlignment="1">
      <alignment horizontal="center"/>
    </xf>
    <xf numFmtId="0" fontId="6" fillId="0" borderId="7" xfId="0" applyFont="1" applyFill="1" applyBorder="1"/>
    <xf numFmtId="0" fontId="6" fillId="0" borderId="8" xfId="0" applyFont="1" applyFill="1" applyBorder="1" applyAlignment="1">
      <alignment horizontal="center"/>
    </xf>
    <xf numFmtId="9" fontId="6" fillId="0" borderId="0" xfId="0" applyNumberFormat="1" applyFont="1"/>
    <xf numFmtId="0" fontId="7" fillId="2" borderId="2" xfId="0" applyFont="1" applyFill="1" applyBorder="1" applyAlignment="1">
      <alignment horizontal="left" vertical="center"/>
    </xf>
    <xf numFmtId="0" fontId="7" fillId="2" borderId="3" xfId="0" applyFont="1" applyFill="1" applyBorder="1" applyAlignment="1">
      <alignment horizontal="center" wrapText="1"/>
    </xf>
    <xf numFmtId="0" fontId="7" fillId="2" borderId="3" xfId="0" applyFont="1" applyFill="1" applyBorder="1" applyAlignment="1">
      <alignment horizontal="center" vertical="center"/>
    </xf>
    <xf numFmtId="164" fontId="6" fillId="0" borderId="0" xfId="1" applyNumberFormat="1" applyFont="1" applyFill="1" applyBorder="1"/>
    <xf numFmtId="0" fontId="6" fillId="0" borderId="0" xfId="0" applyFont="1" applyFill="1" applyBorder="1" applyAlignment="1">
      <alignment horizontal="right"/>
    </xf>
    <xf numFmtId="164" fontId="6" fillId="0" borderId="1" xfId="1" applyNumberFormat="1" applyFont="1" applyFill="1" applyBorder="1"/>
    <xf numFmtId="0" fontId="6" fillId="0" borderId="1" xfId="0" applyFont="1" applyFill="1" applyBorder="1" applyAlignment="1">
      <alignment horizontal="right"/>
    </xf>
    <xf numFmtId="9" fontId="6" fillId="0" borderId="1" xfId="0" applyNumberFormat="1" applyFont="1" applyFill="1" applyBorder="1" applyAlignment="1">
      <alignment horizontal="center"/>
    </xf>
    <xf numFmtId="164" fontId="6" fillId="0" borderId="0" xfId="1" applyNumberFormat="1" applyFont="1"/>
    <xf numFmtId="164" fontId="6" fillId="0" borderId="0" xfId="0" applyNumberFormat="1" applyFont="1"/>
    <xf numFmtId="0" fontId="5" fillId="0" borderId="0" xfId="0" applyFont="1" applyBorder="1"/>
    <xf numFmtId="0" fontId="6" fillId="0" borderId="0" xfId="0" applyFont="1" applyBorder="1"/>
    <xf numFmtId="164" fontId="6" fillId="0" borderId="0" xfId="1" applyNumberFormat="1" applyFont="1" applyBorder="1"/>
    <xf numFmtId="0" fontId="6" fillId="0" borderId="0" xfId="0" applyFont="1" applyAlignment="1">
      <alignment horizontal="right"/>
    </xf>
    <xf numFmtId="0" fontId="10" fillId="3" borderId="0" xfId="0" applyFont="1" applyFill="1" applyBorder="1" applyAlignment="1">
      <alignment horizontal="center"/>
    </xf>
    <xf numFmtId="0" fontId="6" fillId="4" borderId="0" xfId="0" applyFont="1" applyFill="1" applyBorder="1"/>
    <xf numFmtId="164" fontId="6" fillId="4" borderId="0" xfId="1" applyNumberFormat="1" applyFont="1" applyFill="1" applyBorder="1"/>
    <xf numFmtId="164" fontId="6" fillId="0" borderId="0" xfId="0" applyNumberFormat="1" applyFont="1" applyBorder="1"/>
    <xf numFmtId="164" fontId="6" fillId="4" borderId="0" xfId="0" applyNumberFormat="1" applyFont="1" applyFill="1" applyBorder="1"/>
    <xf numFmtId="0" fontId="6" fillId="4" borderId="0" xfId="0" applyFont="1" applyFill="1" applyBorder="1" applyAlignment="1">
      <alignment horizontal="left" indent="1"/>
    </xf>
    <xf numFmtId="0" fontId="6" fillId="0" borderId="0" xfId="0" applyFont="1" applyBorder="1" applyAlignment="1">
      <alignment horizontal="left" indent="1"/>
    </xf>
    <xf numFmtId="164" fontId="6" fillId="4" borderId="0" xfId="4" applyNumberFormat="1" applyFont="1" applyFill="1" applyBorder="1"/>
    <xf numFmtId="165" fontId="6" fillId="4" borderId="0" xfId="1" applyNumberFormat="1" applyFont="1" applyFill="1" applyBorder="1"/>
    <xf numFmtId="0" fontId="5" fillId="5" borderId="0" xfId="0" applyFont="1" applyFill="1" applyBorder="1"/>
    <xf numFmtId="164" fontId="5" fillId="5" borderId="0" xfId="1" applyNumberFormat="1" applyFont="1" applyFill="1" applyBorder="1"/>
    <xf numFmtId="43" fontId="6" fillId="0" borderId="0" xfId="1" applyFont="1" applyBorder="1"/>
    <xf numFmtId="10" fontId="6" fillId="0" borderId="0" xfId="0" applyNumberFormat="1" applyFont="1" applyBorder="1"/>
    <xf numFmtId="166" fontId="6" fillId="0" borderId="0" xfId="2" applyNumberFormat="1" applyFont="1" applyBorder="1"/>
    <xf numFmtId="0" fontId="6" fillId="0" borderId="2" xfId="0" applyFont="1" applyBorder="1"/>
    <xf numFmtId="0" fontId="6" fillId="0" borderId="3" xfId="0" applyFont="1" applyBorder="1"/>
    <xf numFmtId="164" fontId="6" fillId="0" borderId="2" xfId="0" applyNumberFormat="1" applyFont="1" applyBorder="1"/>
    <xf numFmtId="164" fontId="6" fillId="0" borderId="3" xfId="0" applyNumberFormat="1" applyFont="1" applyBorder="1"/>
    <xf numFmtId="164" fontId="6" fillId="0" borderId="4" xfId="0" applyNumberFormat="1" applyFont="1" applyBorder="1"/>
    <xf numFmtId="0" fontId="6" fillId="6" borderId="5" xfId="0" applyFont="1" applyFill="1" applyBorder="1"/>
    <xf numFmtId="0" fontId="6" fillId="6" borderId="0" xfId="0" applyFont="1" applyFill="1" applyBorder="1"/>
    <xf numFmtId="164" fontId="6" fillId="6" borderId="5" xfId="0" applyNumberFormat="1" applyFont="1" applyFill="1" applyBorder="1"/>
    <xf numFmtId="164" fontId="6" fillId="6" borderId="0" xfId="0" applyNumberFormat="1" applyFont="1" applyFill="1" applyBorder="1"/>
    <xf numFmtId="164" fontId="6" fillId="6" borderId="6" xfId="0" applyNumberFormat="1" applyFont="1" applyFill="1" applyBorder="1"/>
    <xf numFmtId="0" fontId="6" fillId="0" borderId="5" xfId="0" applyFont="1" applyBorder="1"/>
    <xf numFmtId="164" fontId="6" fillId="0" borderId="5" xfId="1" applyNumberFormat="1" applyFont="1" applyBorder="1"/>
    <xf numFmtId="164" fontId="6" fillId="0" borderId="6" xfId="1" applyNumberFormat="1" applyFont="1" applyBorder="1"/>
    <xf numFmtId="0" fontId="6" fillId="6" borderId="7" xfId="0" applyFont="1" applyFill="1" applyBorder="1"/>
    <xf numFmtId="0" fontId="6" fillId="6" borderId="1" xfId="0" applyFont="1" applyFill="1" applyBorder="1"/>
    <xf numFmtId="164" fontId="6" fillId="6" borderId="7" xfId="1" applyNumberFormat="1" applyFont="1" applyFill="1" applyBorder="1"/>
    <xf numFmtId="164" fontId="6" fillId="6" borderId="1" xfId="1" applyNumberFormat="1" applyFont="1" applyFill="1" applyBorder="1"/>
    <xf numFmtId="164" fontId="6" fillId="6" borderId="8" xfId="1" applyNumberFormat="1" applyFont="1" applyFill="1" applyBorder="1"/>
    <xf numFmtId="9" fontId="6" fillId="0" borderId="0" xfId="2" applyFont="1"/>
    <xf numFmtId="10" fontId="6" fillId="0" borderId="0" xfId="2" applyNumberFormat="1" applyFont="1" applyBorder="1"/>
    <xf numFmtId="0" fontId="14" fillId="0" borderId="0" xfId="193" applyFont="1"/>
    <xf numFmtId="0" fontId="9" fillId="0" borderId="0" xfId="193"/>
    <xf numFmtId="0" fontId="2" fillId="0" borderId="0" xfId="207"/>
    <xf numFmtId="0" fontId="1" fillId="0" borderId="0" xfId="207" applyFont="1"/>
    <xf numFmtId="0" fontId="15" fillId="0" borderId="0" xfId="193" applyFont="1" applyAlignment="1">
      <alignment vertical="center"/>
    </xf>
    <xf numFmtId="0" fontId="16" fillId="0" borderId="0" xfId="0" applyFont="1" applyAlignment="1"/>
    <xf numFmtId="0" fontId="17" fillId="0" borderId="0" xfId="0" applyFont="1" applyAlignment="1">
      <alignment horizontal="center" vertical="center"/>
    </xf>
    <xf numFmtId="0" fontId="16" fillId="0" borderId="0" xfId="0" applyFont="1" applyAlignment="1">
      <alignment horizontal="center"/>
    </xf>
    <xf numFmtId="0" fontId="17" fillId="0" borderId="0" xfId="0" applyFont="1" applyAlignment="1">
      <alignment vertical="center"/>
    </xf>
    <xf numFmtId="0" fontId="17" fillId="0" borderId="0" xfId="0" applyFont="1" applyAlignment="1">
      <alignment horizontal="center"/>
    </xf>
    <xf numFmtId="0" fontId="18" fillId="0" borderId="0" xfId="0" applyFont="1" applyAlignment="1">
      <alignment horizontal="left"/>
    </xf>
    <xf numFmtId="0" fontId="16" fillId="0" borderId="0" xfId="0" applyFont="1" applyAlignment="1">
      <alignment horizontal="left" indent="1"/>
    </xf>
    <xf numFmtId="0" fontId="18" fillId="0" borderId="0" xfId="0" applyFont="1" applyAlignment="1"/>
    <xf numFmtId="0" fontId="16" fillId="0" borderId="0" xfId="0" applyFont="1" applyAlignment="1">
      <alignment horizontal="center" vertical="center"/>
    </xf>
    <xf numFmtId="0" fontId="17" fillId="0" borderId="0" xfId="0" applyFont="1" applyAlignment="1"/>
    <xf numFmtId="0" fontId="19" fillId="0" borderId="0" xfId="0" applyFont="1" applyAlignment="1"/>
    <xf numFmtId="0" fontId="20" fillId="0" borderId="0" xfId="0" applyFont="1"/>
    <xf numFmtId="0" fontId="18" fillId="0" borderId="0" xfId="0" applyFont="1"/>
    <xf numFmtId="9" fontId="18" fillId="0" borderId="0" xfId="0" applyNumberFormat="1" applyFont="1"/>
    <xf numFmtId="0" fontId="15" fillId="0" borderId="0" xfId="193" applyFont="1" applyAlignment="1">
      <alignment horizontal="center"/>
    </xf>
    <xf numFmtId="0" fontId="15" fillId="0" borderId="0" xfId="193" applyFont="1" applyAlignment="1">
      <alignment horizontal="center" vertical="center"/>
    </xf>
    <xf numFmtId="0" fontId="15" fillId="0" borderId="0" xfId="193" applyFont="1" applyAlignment="1">
      <alignment horizontal="center" vertical="center" wrapText="1"/>
    </xf>
    <xf numFmtId="0" fontId="16" fillId="0" borderId="0" xfId="0" applyFont="1" applyAlignment="1">
      <alignment horizontal="center" vertical="center"/>
    </xf>
    <xf numFmtId="0" fontId="17" fillId="0" borderId="0" xfId="0" applyFont="1" applyAlignment="1">
      <alignment horizontal="center" vertical="center"/>
    </xf>
    <xf numFmtId="0" fontId="6" fillId="0" borderId="0" xfId="0" applyFont="1" applyFill="1" applyBorder="1" applyAlignment="1">
      <alignment horizontal="center"/>
    </xf>
    <xf numFmtId="49" fontId="0" fillId="0" borderId="0" xfId="0" applyNumberFormat="1" applyAlignment="1">
      <alignment horizontal="center" vertical="center"/>
    </xf>
    <xf numFmtId="0" fontId="5" fillId="0" borderId="0" xfId="0" applyFont="1" applyFill="1" applyBorder="1"/>
    <xf numFmtId="0" fontId="5" fillId="0" borderId="0" xfId="0" applyFont="1" applyFill="1" applyBorder="1" applyAlignment="1">
      <alignment horizontal="center"/>
    </xf>
    <xf numFmtId="0" fontId="18" fillId="0" borderId="0" xfId="0" applyFont="1" applyBorder="1"/>
    <xf numFmtId="0" fontId="9" fillId="0" borderId="9" xfId="0" applyFont="1" applyBorder="1"/>
    <xf numFmtId="0" fontId="9" fillId="0" borderId="10" xfId="0" applyFont="1" applyBorder="1"/>
    <xf numFmtId="0" fontId="9" fillId="0" borderId="11" xfId="0" applyFont="1" applyBorder="1"/>
    <xf numFmtId="0" fontId="21" fillId="0" borderId="9" xfId="0" applyFont="1" applyBorder="1"/>
    <xf numFmtId="0" fontId="21" fillId="0" borderId="10" xfId="0" applyFont="1" applyBorder="1"/>
    <xf numFmtId="43" fontId="21" fillId="0" borderId="11" xfId="1" applyFont="1" applyBorder="1"/>
    <xf numFmtId="0" fontId="9" fillId="0" borderId="0" xfId="0" applyFont="1" applyBorder="1"/>
    <xf numFmtId="0" fontId="9" fillId="0" borderId="0" xfId="0" applyFont="1"/>
    <xf numFmtId="164" fontId="9" fillId="0" borderId="11" xfId="1" applyNumberFormat="1" applyFont="1" applyBorder="1"/>
    <xf numFmtId="164" fontId="9" fillId="0" borderId="11" xfId="4" applyNumberFormat="1" applyFont="1" applyBorder="1"/>
    <xf numFmtId="0" fontId="20" fillId="0" borderId="0" xfId="0" applyFont="1" applyBorder="1"/>
    <xf numFmtId="0" fontId="18" fillId="0" borderId="12" xfId="0" applyFont="1" applyBorder="1"/>
    <xf numFmtId="10" fontId="18" fillId="0" borderId="13" xfId="0" applyNumberFormat="1" applyFont="1" applyBorder="1"/>
    <xf numFmtId="49" fontId="9" fillId="0" borderId="0" xfId="0" applyNumberFormat="1" applyFont="1" applyAlignment="1">
      <alignment horizontal="center" vertical="center"/>
    </xf>
    <xf numFmtId="43" fontId="21" fillId="0" borderId="11" xfId="0" applyNumberFormat="1" applyFont="1" applyBorder="1"/>
    <xf numFmtId="0" fontId="22" fillId="0" borderId="0" xfId="0" applyFont="1"/>
    <xf numFmtId="164" fontId="21" fillId="0" borderId="11" xfId="1" applyNumberFormat="1" applyFont="1" applyBorder="1"/>
    <xf numFmtId="165" fontId="21" fillId="0" borderId="11" xfId="1" applyNumberFormat="1" applyFont="1" applyBorder="1"/>
  </cellXfs>
  <cellStyles count="208">
    <cellStyle name="_TCOS0107" xfId="6"/>
    <cellStyle name="_TCOS0108" xfId="7"/>
    <cellStyle name="_TCOS0109" xfId="8"/>
    <cellStyle name="_TCOS0110" xfId="9"/>
    <cellStyle name="_TCOS0111" xfId="10"/>
    <cellStyle name="_TCOS0112" xfId="11"/>
    <cellStyle name="_TCOS0207" xfId="12"/>
    <cellStyle name="_TCOS0208" xfId="13"/>
    <cellStyle name="_TCOS0209" xfId="14"/>
    <cellStyle name="_TCOS0210" xfId="15"/>
    <cellStyle name="_TCOS0211" xfId="16"/>
    <cellStyle name="_TCOS0212" xfId="17"/>
    <cellStyle name="_TCOS0307" xfId="18"/>
    <cellStyle name="_TCOS0308" xfId="19"/>
    <cellStyle name="_TCOS0309" xfId="20"/>
    <cellStyle name="_TCOS0310" xfId="21"/>
    <cellStyle name="_TCOS0311" xfId="22"/>
    <cellStyle name="_TCOS0407" xfId="23"/>
    <cellStyle name="_TCOS0408" xfId="24"/>
    <cellStyle name="_TCOS0409" xfId="25"/>
    <cellStyle name="_TCOS0410" xfId="26"/>
    <cellStyle name="_TCOS0411" xfId="27"/>
    <cellStyle name="_TCOS0507" xfId="28"/>
    <cellStyle name="_TCOS0508" xfId="29"/>
    <cellStyle name="_TCOS0509" xfId="30"/>
    <cellStyle name="_TCOS0510" xfId="31"/>
    <cellStyle name="_TCOS0511" xfId="32"/>
    <cellStyle name="_TCOS0607" xfId="33"/>
    <cellStyle name="_TCOS0608" xfId="34"/>
    <cellStyle name="_TCOS0609" xfId="35"/>
    <cellStyle name="_TCOS0610" xfId="36"/>
    <cellStyle name="_TCOS0611" xfId="37"/>
    <cellStyle name="_TCOS0707" xfId="38"/>
    <cellStyle name="_TCOS0708" xfId="39"/>
    <cellStyle name="_TCOS0709" xfId="40"/>
    <cellStyle name="_TCOS0710" xfId="41"/>
    <cellStyle name="_TCOS0711" xfId="42"/>
    <cellStyle name="_TCOS0807" xfId="43"/>
    <cellStyle name="_TCOS0808" xfId="44"/>
    <cellStyle name="_TCOS0809" xfId="45"/>
    <cellStyle name="_TCOS0810" xfId="46"/>
    <cellStyle name="_TCOS0811" xfId="47"/>
    <cellStyle name="_TCOS0907" xfId="48"/>
    <cellStyle name="_TCOS0908" xfId="49"/>
    <cellStyle name="_TCOS0909" xfId="50"/>
    <cellStyle name="_TCOS0909 (2)" xfId="51"/>
    <cellStyle name="_TCOS0910" xfId="52"/>
    <cellStyle name="_TCOS0911" xfId="53"/>
    <cellStyle name="_TCOS1007" xfId="54"/>
    <cellStyle name="_TCOS1008" xfId="55"/>
    <cellStyle name="_TCOS1009" xfId="56"/>
    <cellStyle name="_TCOS1010" xfId="57"/>
    <cellStyle name="_TCOS1011" xfId="58"/>
    <cellStyle name="_TCOS1106" xfId="59"/>
    <cellStyle name="_TCOS1107" xfId="60"/>
    <cellStyle name="_TCOS1108" xfId="61"/>
    <cellStyle name="_TCOS1109" xfId="62"/>
    <cellStyle name="_TCOS1110" xfId="63"/>
    <cellStyle name="_TCOS1111" xfId="64"/>
    <cellStyle name="_TCOS1206" xfId="65"/>
    <cellStyle name="_TCOS1207" xfId="66"/>
    <cellStyle name="_TCOS1208" xfId="67"/>
    <cellStyle name="_TCOS1208 (2)" xfId="68"/>
    <cellStyle name="_TCOS1209" xfId="69"/>
    <cellStyle name="_TCOS1210" xfId="70"/>
    <cellStyle name="_TCOS1211" xfId="71"/>
    <cellStyle name="_TCOS1306" xfId="72"/>
    <cellStyle name="_TCOS1307" xfId="73"/>
    <cellStyle name="_TCOS1308" xfId="74"/>
    <cellStyle name="_TCOS1309" xfId="75"/>
    <cellStyle name="_TCOS1310" xfId="76"/>
    <cellStyle name="_TCOS1311" xfId="77"/>
    <cellStyle name="_TCOS1406" xfId="78"/>
    <cellStyle name="_TCOS1407" xfId="79"/>
    <cellStyle name="_TCOS1408" xfId="80"/>
    <cellStyle name="_TCOS1409" xfId="81"/>
    <cellStyle name="_TCOS1410" xfId="82"/>
    <cellStyle name="_TCOS1411" xfId="83"/>
    <cellStyle name="_tcos1506" xfId="84"/>
    <cellStyle name="_TCOS1507" xfId="85"/>
    <cellStyle name="_TCOS1508" xfId="86"/>
    <cellStyle name="_TCOS1509" xfId="87"/>
    <cellStyle name="_TCOS1510" xfId="88"/>
    <cellStyle name="_TCOS1511" xfId="89"/>
    <cellStyle name="_TCOS1606" xfId="90"/>
    <cellStyle name="_TCOS1607" xfId="91"/>
    <cellStyle name="_TCOS1608" xfId="92"/>
    <cellStyle name="_TCOS1609" xfId="93"/>
    <cellStyle name="_TCOS1610" xfId="94"/>
    <cellStyle name="_TCOS1611" xfId="95"/>
    <cellStyle name="_tcos1706" xfId="96"/>
    <cellStyle name="_TCOS1707" xfId="97"/>
    <cellStyle name="_TCOS1708" xfId="98"/>
    <cellStyle name="_TCOS1709" xfId="99"/>
    <cellStyle name="_TCOS1710" xfId="100"/>
    <cellStyle name="_TCOS1711" xfId="101"/>
    <cellStyle name="_TCOS1806" xfId="102"/>
    <cellStyle name="_TCOS1807" xfId="103"/>
    <cellStyle name="_TCOS1808" xfId="104"/>
    <cellStyle name="_TCOS1809" xfId="105"/>
    <cellStyle name="_TCOS1809 (2)" xfId="106"/>
    <cellStyle name="_TCOS1810" xfId="107"/>
    <cellStyle name="_TCOS1811" xfId="108"/>
    <cellStyle name="_tcos1906" xfId="109"/>
    <cellStyle name="_TCOS1907" xfId="110"/>
    <cellStyle name="_TCOS1908" xfId="111"/>
    <cellStyle name="_TCOS1909" xfId="112"/>
    <cellStyle name="_TCOS1909 (2)" xfId="113"/>
    <cellStyle name="_TCOS1910" xfId="114"/>
    <cellStyle name="_TCOS1911" xfId="115"/>
    <cellStyle name="_TCOS2006" xfId="116"/>
    <cellStyle name="_TCOS2007" xfId="117"/>
    <cellStyle name="_TCOS2008" xfId="118"/>
    <cellStyle name="_TCOS2009" xfId="119"/>
    <cellStyle name="_TCOS2009 (2)" xfId="120"/>
    <cellStyle name="_TCOS2010" xfId="121"/>
    <cellStyle name="_TCOS2011" xfId="122"/>
    <cellStyle name="_TCOS2106" xfId="123"/>
    <cellStyle name="_TCOS2107" xfId="124"/>
    <cellStyle name="_TCOS2108" xfId="125"/>
    <cellStyle name="_TCOS2109" xfId="126"/>
    <cellStyle name="_TCOS2110" xfId="127"/>
    <cellStyle name="_TCOS2111" xfId="128"/>
    <cellStyle name="_TCOS2207" xfId="129"/>
    <cellStyle name="_TCOS2208" xfId="130"/>
    <cellStyle name="_TCOS2209" xfId="131"/>
    <cellStyle name="_TCOS2210" xfId="132"/>
    <cellStyle name="_TCOS2211" xfId="133"/>
    <cellStyle name="_TCOS2306" xfId="134"/>
    <cellStyle name="_TCOS2307" xfId="135"/>
    <cellStyle name="_TCOS2308" xfId="136"/>
    <cellStyle name="_TCOS2309" xfId="137"/>
    <cellStyle name="_TCOS2310" xfId="138"/>
    <cellStyle name="_TCOS2311" xfId="139"/>
    <cellStyle name="_TCOS2406" xfId="140"/>
    <cellStyle name="_TCOS2407" xfId="141"/>
    <cellStyle name="_TCOS2408" xfId="142"/>
    <cellStyle name="_TCOS2409" xfId="143"/>
    <cellStyle name="_TCOS2410" xfId="144"/>
    <cellStyle name="_TCOS2411" xfId="145"/>
    <cellStyle name="_TCOS2506" xfId="146"/>
    <cellStyle name="_TCOS2507" xfId="147"/>
    <cellStyle name="_TCOS2508" xfId="148"/>
    <cellStyle name="_TCOS2509" xfId="149"/>
    <cellStyle name="_TCOS2510" xfId="150"/>
    <cellStyle name="_TCOS2511" xfId="151"/>
    <cellStyle name="_TCOS2606" xfId="152"/>
    <cellStyle name="_TCOS2607" xfId="153"/>
    <cellStyle name="_TCOS2608" xfId="154"/>
    <cellStyle name="_TCOS2609" xfId="155"/>
    <cellStyle name="_TCOS2610" xfId="156"/>
    <cellStyle name="_TCOS2611" xfId="157"/>
    <cellStyle name="_TCOS2706" xfId="158"/>
    <cellStyle name="_TCOS2707" xfId="159"/>
    <cellStyle name="_TCOS2708" xfId="160"/>
    <cellStyle name="_TCOS2709" xfId="161"/>
    <cellStyle name="_TCOS2710" xfId="162"/>
    <cellStyle name="_TCOS2711" xfId="163"/>
    <cellStyle name="_TCOS2806" xfId="164"/>
    <cellStyle name="_TCOS2807" xfId="165"/>
    <cellStyle name="_TCOS2808" xfId="166"/>
    <cellStyle name="_TCOS2809" xfId="167"/>
    <cellStyle name="_TCOS2810" xfId="168"/>
    <cellStyle name="_TCOS2811" xfId="169"/>
    <cellStyle name="_TCOS2906" xfId="170"/>
    <cellStyle name="_TCOS2907" xfId="171"/>
    <cellStyle name="_TCOS2908" xfId="172"/>
    <cellStyle name="_TCOS2909" xfId="173"/>
    <cellStyle name="_TCOS2910" xfId="174"/>
    <cellStyle name="_TCOS2911" xfId="175"/>
    <cellStyle name="_TCOS3006" xfId="176"/>
    <cellStyle name="_TCOS3007" xfId="177"/>
    <cellStyle name="_TCOS3007 (2)" xfId="178"/>
    <cellStyle name="_TCOS3008" xfId="179"/>
    <cellStyle name="_TCOS3009" xfId="180"/>
    <cellStyle name="_TCOS3010" xfId="181"/>
    <cellStyle name="_TCOS3011" xfId="182"/>
    <cellStyle name="_TCOS3107" xfId="183"/>
    <cellStyle name="_TCOS3108" xfId="184"/>
    <cellStyle name="_TCOS3110" xfId="185"/>
    <cellStyle name="0" xfId="186"/>
    <cellStyle name="Data" xfId="187"/>
    <cellStyle name="Estilo 1" xfId="188"/>
    <cellStyle name="Fixo" xfId="189"/>
    <cellStyle name="Indefinido" xfId="190"/>
    <cellStyle name="Moeda 2" xfId="191"/>
    <cellStyle name="Moeda 3" xfId="192"/>
    <cellStyle name="Normal" xfId="0" builtinId="0"/>
    <cellStyle name="Normal 2" xfId="3"/>
    <cellStyle name="Normal 3" xfId="207"/>
    <cellStyle name="Normal 9" xfId="193"/>
    <cellStyle name="Percent" xfId="194"/>
    <cellStyle name="Percentual" xfId="195"/>
    <cellStyle name="Ponto" xfId="196"/>
    <cellStyle name="Porcentagem" xfId="2" builtinId="5"/>
    <cellStyle name="Porcentagem 2" xfId="197"/>
    <cellStyle name="Porcentagem 3" xfId="198"/>
    <cellStyle name="Separador de milhares" xfId="1" builtinId="3"/>
    <cellStyle name="Separador de milhares [2]" xfId="199"/>
    <cellStyle name="Separador de milhares 2" xfId="5"/>
    <cellStyle name="Separador de milhares 2 3" xfId="200"/>
    <cellStyle name="Separador de milhares 3" xfId="4"/>
    <cellStyle name="Separador de milhares 4" xfId="201"/>
    <cellStyle name="Separador de milhares 4 2" xfId="202"/>
    <cellStyle name="Separador de milhares 5" xfId="203"/>
    <cellStyle name="Separador de milhares 9" xfId="204"/>
    <cellStyle name="Titulo1" xfId="205"/>
    <cellStyle name="Titulo2" xfId="206"/>
  </cellStyles>
  <dxfs count="0"/>
  <tableStyles count="0" defaultTableStyle="TableStyleMedium9" defaultPivotStyle="PivotStyleLight16"/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externalLink" Target="externalLinks/externalLink3.xml"/><Relationship Id="rId3" Type="http://schemas.openxmlformats.org/officeDocument/2006/relationships/worksheet" Target="worksheets/sheet3.xml"/><Relationship Id="rId21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externalLink" Target="externalLinks/externalLink2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1.xml"/><Relationship Id="rId20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10" Type="http://schemas.openxmlformats.org/officeDocument/2006/relationships/worksheet" Target="worksheets/sheet10.xml"/><Relationship Id="rId19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_rels/drawing10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11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1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13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14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15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7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8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9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47625</xdr:colOff>
      <xdr:row>11</xdr:row>
      <xdr:rowOff>342900</xdr:rowOff>
    </xdr:from>
    <xdr:to>
      <xdr:col>8</xdr:col>
      <xdr:colOff>451596</xdr:colOff>
      <xdr:row>26</xdr:row>
      <xdr:rowOff>9525</xdr:rowOff>
    </xdr:to>
    <xdr:pic>
      <xdr:nvPicPr>
        <xdr:cNvPr id="5" name="Imagem 4" descr="C:\Users\s1240498\Desktop\Logo Prefeitura SP.jpg"/>
        <xdr:cNvPicPr/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685800" y="3648075"/>
          <a:ext cx="4871196" cy="3076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0</xdr:col>
      <xdr:colOff>1</xdr:colOff>
      <xdr:row>0</xdr:row>
      <xdr:rowOff>76200</xdr:rowOff>
    </xdr:from>
    <xdr:to>
      <xdr:col>8</xdr:col>
      <xdr:colOff>561975</xdr:colOff>
      <xdr:row>39</xdr:row>
      <xdr:rowOff>180975</xdr:rowOff>
    </xdr:to>
    <xdr:sp macro="" textlink="">
      <xdr:nvSpPr>
        <xdr:cNvPr id="6" name="Rectangle 1"/>
        <xdr:cNvSpPr>
          <a:spLocks noChangeArrowheads="1"/>
        </xdr:cNvSpPr>
      </xdr:nvSpPr>
      <xdr:spPr bwMode="auto">
        <a:xfrm>
          <a:off x="1" y="76200"/>
          <a:ext cx="5667374" cy="9305925"/>
        </a:xfrm>
        <a:prstGeom prst="rect">
          <a:avLst/>
        </a:prstGeom>
        <a:noFill/>
        <a:ln w="101600" cmpd="thinThick">
          <a:solidFill>
            <a:srgbClr val="7F7F7F"/>
          </a:solidFill>
          <a:miter lim="800000"/>
          <a:headEnd/>
          <a:tailEnd/>
        </a:ln>
      </xdr:spPr>
    </xdr:sp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81000</xdr:colOff>
      <xdr:row>0</xdr:row>
      <xdr:rowOff>59531</xdr:rowOff>
    </xdr:from>
    <xdr:to>
      <xdr:col>21</xdr:col>
      <xdr:colOff>673782</xdr:colOff>
      <xdr:row>2</xdr:row>
      <xdr:rowOff>111668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90031" y="59531"/>
          <a:ext cx="1697720" cy="421231"/>
        </a:xfrm>
        <a:prstGeom prst="rect">
          <a:avLst/>
        </a:prstGeom>
        <a:noFill/>
      </xdr:spPr>
    </xdr:pic>
    <xdr:clientData/>
  </xdr:twoCellAnchor>
</xdr:wsDr>
</file>

<file path=xl/drawings/drawing11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81000</xdr:colOff>
      <xdr:row>0</xdr:row>
      <xdr:rowOff>47625</xdr:rowOff>
    </xdr:from>
    <xdr:to>
      <xdr:col>21</xdr:col>
      <xdr:colOff>673782</xdr:colOff>
      <xdr:row>2</xdr:row>
      <xdr:rowOff>99762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42406" y="47625"/>
          <a:ext cx="1697720" cy="421231"/>
        </a:xfrm>
        <a:prstGeom prst="rect">
          <a:avLst/>
        </a:prstGeom>
        <a:noFill/>
      </xdr:spPr>
    </xdr:pic>
    <xdr:clientData/>
  </xdr:twoCellAnchor>
</xdr:wsDr>
</file>

<file path=xl/drawings/drawing12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57188</xdr:colOff>
      <xdr:row>0</xdr:row>
      <xdr:rowOff>35719</xdr:rowOff>
    </xdr:from>
    <xdr:to>
      <xdr:col>21</xdr:col>
      <xdr:colOff>649970</xdr:colOff>
      <xdr:row>2</xdr:row>
      <xdr:rowOff>87856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78126" y="35719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13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45281</xdr:colOff>
      <xdr:row>0</xdr:row>
      <xdr:rowOff>107156</xdr:rowOff>
    </xdr:from>
    <xdr:to>
      <xdr:col>21</xdr:col>
      <xdr:colOff>638063</xdr:colOff>
      <xdr:row>2</xdr:row>
      <xdr:rowOff>75949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06687" y="107156"/>
          <a:ext cx="1697720" cy="421231"/>
        </a:xfrm>
        <a:prstGeom prst="rect">
          <a:avLst/>
        </a:prstGeom>
        <a:noFill/>
      </xdr:spPr>
    </xdr:pic>
    <xdr:clientData/>
  </xdr:twoCellAnchor>
</xdr:wsDr>
</file>

<file path=xl/drawings/drawing14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92906</xdr:colOff>
      <xdr:row>0</xdr:row>
      <xdr:rowOff>35718</xdr:rowOff>
    </xdr:from>
    <xdr:to>
      <xdr:col>21</xdr:col>
      <xdr:colOff>685688</xdr:colOff>
      <xdr:row>2</xdr:row>
      <xdr:rowOff>87855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54312" y="35718"/>
          <a:ext cx="1697720" cy="421231"/>
        </a:xfrm>
        <a:prstGeom prst="rect">
          <a:avLst/>
        </a:prstGeom>
        <a:noFill/>
      </xdr:spPr>
    </xdr:pic>
    <xdr:clientData/>
  </xdr:twoCellAnchor>
</xdr:wsDr>
</file>

<file path=xl/drawings/drawing15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81000</xdr:colOff>
      <xdr:row>0</xdr:row>
      <xdr:rowOff>47625</xdr:rowOff>
    </xdr:from>
    <xdr:to>
      <xdr:col>21</xdr:col>
      <xdr:colOff>673782</xdr:colOff>
      <xdr:row>2</xdr:row>
      <xdr:rowOff>99762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501938" y="47625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7</xdr:col>
      <xdr:colOff>552450</xdr:colOff>
      <xdr:row>0</xdr:row>
      <xdr:rowOff>76201</xdr:rowOff>
    </xdr:from>
    <xdr:to>
      <xdr:col>9</xdr:col>
      <xdr:colOff>590549</xdr:colOff>
      <xdr:row>1</xdr:row>
      <xdr:rowOff>190500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819650" y="76201"/>
          <a:ext cx="1257299" cy="314324"/>
        </a:xfrm>
        <a:prstGeom prst="rect">
          <a:avLst/>
        </a:prstGeom>
        <a:noFill/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20</xdr:col>
      <xdr:colOff>63500</xdr:colOff>
      <xdr:row>0</xdr:row>
      <xdr:rowOff>21167</xdr:rowOff>
    </xdr:from>
    <xdr:to>
      <xdr:col>22</xdr:col>
      <xdr:colOff>559482</xdr:colOff>
      <xdr:row>2</xdr:row>
      <xdr:rowOff>71981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3451417" y="21167"/>
          <a:ext cx="1702482" cy="431814"/>
        </a:xfrm>
        <a:prstGeom prst="rect">
          <a:avLst/>
        </a:prstGeom>
        <a:noFill/>
      </xdr:spPr>
    </xdr:pic>
    <xdr:clientData/>
  </xdr:twoCellAnchor>
  <xdr:twoCellAnchor editAs="oneCell">
    <xdr:from>
      <xdr:col>20</xdr:col>
      <xdr:colOff>31750</xdr:colOff>
      <xdr:row>84</xdr:row>
      <xdr:rowOff>52916</xdr:rowOff>
    </xdr:from>
    <xdr:to>
      <xdr:col>22</xdr:col>
      <xdr:colOff>527732</xdr:colOff>
      <xdr:row>87</xdr:row>
      <xdr:rowOff>8481</xdr:rowOff>
    </xdr:to>
    <xdr:pic>
      <xdr:nvPicPr>
        <xdr:cNvPr id="3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3419667" y="13155083"/>
          <a:ext cx="1702482" cy="431815"/>
        </a:xfrm>
        <a:prstGeom prst="rect">
          <a:avLst/>
        </a:prstGeom>
        <a:noFill/>
      </xdr:spPr>
    </xdr:pic>
    <xdr:clientData/>
  </xdr:twoCellAnchor>
  <xdr:twoCellAnchor editAs="oneCell">
    <xdr:from>
      <xdr:col>20</xdr:col>
      <xdr:colOff>67236</xdr:colOff>
      <xdr:row>167</xdr:row>
      <xdr:rowOff>55096</xdr:rowOff>
    </xdr:from>
    <xdr:to>
      <xdr:col>22</xdr:col>
      <xdr:colOff>563218</xdr:colOff>
      <xdr:row>170</xdr:row>
      <xdr:rowOff>47702</xdr:rowOff>
    </xdr:to>
    <xdr:pic>
      <xdr:nvPicPr>
        <xdr:cNvPr id="4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3480677" y="25537272"/>
          <a:ext cx="1706217" cy="429636"/>
        </a:xfrm>
        <a:prstGeom prst="rect">
          <a:avLst/>
        </a:prstGeom>
        <a:noFill/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21469</xdr:colOff>
      <xdr:row>0</xdr:row>
      <xdr:rowOff>119063</xdr:rowOff>
    </xdr:from>
    <xdr:to>
      <xdr:col>21</xdr:col>
      <xdr:colOff>614251</xdr:colOff>
      <xdr:row>2</xdr:row>
      <xdr:rowOff>111669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42407" y="119063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45282</xdr:colOff>
      <xdr:row>0</xdr:row>
      <xdr:rowOff>71438</xdr:rowOff>
    </xdr:from>
    <xdr:to>
      <xdr:col>21</xdr:col>
      <xdr:colOff>638064</xdr:colOff>
      <xdr:row>2</xdr:row>
      <xdr:rowOff>123575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382876" y="71438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57186</xdr:colOff>
      <xdr:row>0</xdr:row>
      <xdr:rowOff>59532</xdr:rowOff>
    </xdr:from>
    <xdr:to>
      <xdr:col>21</xdr:col>
      <xdr:colOff>649968</xdr:colOff>
      <xdr:row>2</xdr:row>
      <xdr:rowOff>16419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78124" y="59532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64331</xdr:colOff>
      <xdr:row>0</xdr:row>
      <xdr:rowOff>59532</xdr:rowOff>
    </xdr:from>
    <xdr:to>
      <xdr:col>21</xdr:col>
      <xdr:colOff>657113</xdr:colOff>
      <xdr:row>2</xdr:row>
      <xdr:rowOff>111669</xdr:rowOff>
    </xdr:to>
    <xdr:pic>
      <xdr:nvPicPr>
        <xdr:cNvPr id="3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85269" y="59532"/>
          <a:ext cx="1697719" cy="421231"/>
        </a:xfrm>
        <a:prstGeom prst="rect">
          <a:avLst/>
        </a:prstGeom>
        <a:noFill/>
      </xdr:spPr>
    </xdr:pic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69094</xdr:colOff>
      <xdr:row>0</xdr:row>
      <xdr:rowOff>59532</xdr:rowOff>
    </xdr:from>
    <xdr:to>
      <xdr:col>21</xdr:col>
      <xdr:colOff>661876</xdr:colOff>
      <xdr:row>2</xdr:row>
      <xdr:rowOff>111669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430500" y="59532"/>
          <a:ext cx="1697720" cy="421231"/>
        </a:xfrm>
        <a:prstGeom prst="rect">
          <a:avLst/>
        </a:prstGeom>
        <a:noFill/>
      </xdr:spPr>
    </xdr:pic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321469</xdr:colOff>
      <xdr:row>0</xdr:row>
      <xdr:rowOff>35719</xdr:rowOff>
    </xdr:from>
    <xdr:to>
      <xdr:col>21</xdr:col>
      <xdr:colOff>633301</xdr:colOff>
      <xdr:row>2</xdr:row>
      <xdr:rowOff>87856</xdr:rowOff>
    </xdr:to>
    <xdr:pic>
      <xdr:nvPicPr>
        <xdr:cNvPr id="2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335250" y="35719"/>
          <a:ext cx="1692957" cy="421231"/>
        </a:xfrm>
        <a:prstGeom prst="rect">
          <a:avLst/>
        </a:prstGeom>
        <a:noFill/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Estudos%20Econ&#244;micos/GES/TARIFA%2012-13/PLANILHA%20TARIF&#193;RIA%20-%20inicial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REVIS&#195;O%20EDITAL%202017/FLUXOS%20DE%20CAIXA/Dimensionamento%20V.4%20-%2018ago17/Fluxo%20-SEM%20RESERVA%20T&#201;CNICA%20v18ago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REVIS&#195;O%20CONSULTA/Fluxo%20-SEM%20RESERVA%20T&#201;CNICA%20v18abr18%20%20-%20rev%20pre&#231;os%20-%20AJUSTE%20DIESEL%20EY%20-%20REV2.xls" TargetMode="External"/></Relationships>
</file>

<file path=xl/externalLinks/externalLink1.xml><?xml version="1.0" encoding="utf-8"?>
<externalLink xmlns="http://schemas.openxmlformats.org/spreadsheetml/2006/main">
  <externalBook xmlns:r="http://schemas.openxmlformats.org/officeDocument/2006/relationships" r:id="rId1">
    <sheetNames>
      <sheetName val="planilha 10"/>
      <sheetName val="QUADRO"/>
      <sheetName val="FLUXO"/>
      <sheetName val="remuneração permissão"/>
      <sheetName val="comparativo - total"/>
      <sheetName val="desp adm PERMISSÃO "/>
      <sheetName val="desp adm. CONCESSÃO"/>
      <sheetName val="INFLAÇÃO"/>
      <sheetName val="ORÇAMENTO 11"/>
      <sheetName val="quadros de alternativa"/>
      <sheetName val="FLUXO (2)"/>
      <sheetName val="fluxo empresa"/>
      <sheetName val="fluxo empresa (2)"/>
      <sheetName val="Plan3"/>
      <sheetName val="ESTUDOS cesta red"/>
      <sheetName val="ESTUDOS -mdo - proposta spur"/>
      <sheetName val="ESTUDOS - proposta spurb2"/>
      <sheetName val="ESTUDOS - proposta a"/>
      <sheetName val="recursos"/>
      <sheetName val="Plan5"/>
      <sheetName val="Plan2"/>
      <sheetName val="Plan1"/>
      <sheetName val="ESTUDOS - proposta final"/>
      <sheetName val="ESTUDOS"/>
      <sheetName val="salários"/>
      <sheetName val="Plan4"/>
      <sheetName val="ENTRADA"/>
      <sheetName val="2010"/>
      <sheetName val="Quadro 1 - final"/>
      <sheetName val="Quadro 2"/>
      <sheetName val="Quadro 3"/>
      <sheetName val="Quadro 4 resumo"/>
      <sheetName val="Quadro 5"/>
      <sheetName val="Quadro 6"/>
      <sheetName val="Parâmetros"/>
      <sheetName val="Bco Semanal"/>
      <sheetName val="DEPR E REM"/>
      <sheetName val="ALTERNATIVAS"/>
      <sheetName val="banco atual"/>
      <sheetName val="renovação 2003"/>
      <sheetName val="renovação 50%"/>
      <sheetName val="renovação"/>
    </sheetNames>
    <sheetDataSet>
      <sheetData sheetId="0">
        <row r="4">
          <cell r="C4" t="str">
            <v>SISTEMA</v>
          </cell>
        </row>
      </sheetData>
      <sheetData sheetId="1"/>
      <sheetData sheetId="2">
        <row r="4">
          <cell r="C4">
            <v>81554819.327330455</v>
          </cell>
        </row>
      </sheetData>
      <sheetData sheetId="3"/>
      <sheetData sheetId="4">
        <row r="4">
          <cell r="C4" t="str">
            <v>medida</v>
          </cell>
        </row>
      </sheetData>
      <sheetData sheetId="5">
        <row r="4">
          <cell r="C4" t="str">
            <v>Veículos</v>
          </cell>
        </row>
      </sheetData>
      <sheetData sheetId="6">
        <row r="4">
          <cell r="C4" t="str">
            <v>Veículos</v>
          </cell>
        </row>
      </sheetData>
      <sheetData sheetId="7">
        <row r="4">
          <cell r="C4">
            <v>0.7</v>
          </cell>
        </row>
      </sheetData>
      <sheetData sheetId="8"/>
      <sheetData sheetId="9"/>
      <sheetData sheetId="10">
        <row r="4">
          <cell r="C4">
            <v>81554819.327330455</v>
          </cell>
        </row>
      </sheetData>
      <sheetData sheetId="11">
        <row r="4">
          <cell r="C4">
            <v>81554819.327330455</v>
          </cell>
        </row>
      </sheetData>
      <sheetData sheetId="12">
        <row r="4">
          <cell r="C4">
            <v>81554819.327330455</v>
          </cell>
        </row>
      </sheetData>
      <sheetData sheetId="13"/>
      <sheetData sheetId="14">
        <row r="4">
          <cell r="C4" t="str">
            <v>remuneração*</v>
          </cell>
        </row>
      </sheetData>
      <sheetData sheetId="15">
        <row r="4">
          <cell r="C4" t="str">
            <v>b</v>
          </cell>
        </row>
      </sheetData>
      <sheetData sheetId="16"/>
      <sheetData sheetId="17">
        <row r="4">
          <cell r="C4">
            <v>29283482.40656824</v>
          </cell>
        </row>
      </sheetData>
      <sheetData sheetId="18">
        <row r="4">
          <cell r="C4" t="str">
            <v>MAIO/12</v>
          </cell>
        </row>
      </sheetData>
      <sheetData sheetId="19">
        <row r="4">
          <cell r="C4">
            <v>159.00468817469621</v>
          </cell>
        </row>
      </sheetData>
      <sheetData sheetId="20">
        <row r="4">
          <cell r="C4">
            <v>2</v>
          </cell>
        </row>
      </sheetData>
      <sheetData sheetId="21">
        <row r="4">
          <cell r="C4">
            <v>801845.55851819657</v>
          </cell>
        </row>
      </sheetData>
      <sheetData sheetId="22">
        <row r="4">
          <cell r="C4">
            <v>29024180.087009165</v>
          </cell>
        </row>
      </sheetData>
      <sheetData sheetId="23">
        <row r="4">
          <cell r="C4" t="str">
            <v>remuneração*</v>
          </cell>
        </row>
      </sheetData>
      <sheetData sheetId="24">
        <row r="4">
          <cell r="C4">
            <v>1328.1654241300841</v>
          </cell>
        </row>
      </sheetData>
      <sheetData sheetId="25">
        <row r="4">
          <cell r="C4" t="str">
            <v>[B]</v>
          </cell>
        </row>
      </sheetData>
      <sheetData sheetId="26"/>
      <sheetData sheetId="27">
        <row r="4">
          <cell r="C4" t="str">
            <v>sistema</v>
          </cell>
        </row>
      </sheetData>
      <sheetData sheetId="28">
        <row r="1">
          <cell r="C1">
            <v>3</v>
          </cell>
        </row>
      </sheetData>
      <sheetData sheetId="29">
        <row r="4">
          <cell r="C4" t="str">
            <v>SALÁRIO MENSAL</v>
          </cell>
        </row>
      </sheetData>
      <sheetData sheetId="30">
        <row r="67">
          <cell r="G67">
            <v>350137.63081477751</v>
          </cell>
        </row>
      </sheetData>
      <sheetData sheetId="31"/>
      <sheetData sheetId="32">
        <row r="67">
          <cell r="G67">
            <v>4.428E-2</v>
          </cell>
        </row>
      </sheetData>
      <sheetData sheetId="33"/>
      <sheetData sheetId="34">
        <row r="4">
          <cell r="C4">
            <v>271</v>
          </cell>
        </row>
      </sheetData>
      <sheetData sheetId="35">
        <row r="4">
          <cell r="C4" t="str">
            <v>senha: banco</v>
          </cell>
        </row>
      </sheetData>
      <sheetData sheetId="36"/>
      <sheetData sheetId="37">
        <row r="4">
          <cell r="C4">
            <v>0.81213666547519359</v>
          </cell>
        </row>
      </sheetData>
      <sheetData sheetId="38"/>
      <sheetData sheetId="39"/>
      <sheetData sheetId="40"/>
      <sheetData sheetId="41"/>
    </sheetDataSet>
  </externalBook>
</externalLink>
</file>

<file path=xl/externalLinks/externalLink2.xml><?xml version="1.0" encoding="utf-8"?>
<externalLink xmlns="http://schemas.openxmlformats.org/spreadsheetml/2006/main">
  <externalBook xmlns:r="http://schemas.openxmlformats.org/officeDocument/2006/relationships" r:id="rId1">
    <sheetNames>
      <sheetName val="Plan1"/>
      <sheetName val="BÁSICO PERMISSÃO"/>
      <sheetName val="MINI PERMISSÃO"/>
      <sheetName val="MIDI PERMISSÃO"/>
      <sheetName val="resumão"/>
      <sheetName val="OPÇÕES"/>
      <sheetName val="dados atuais 10%"/>
      <sheetName val="INVESTIMENTO"/>
      <sheetName val="EQUIP. EMBARCADOS"/>
      <sheetName val="SISTEMAS"/>
      <sheetName val="quadro resumo"/>
      <sheetName val="resumo dos prazos"/>
      <sheetName val="resumo dos prazos RT"/>
      <sheetName val="dados atuais  tirmeta"/>
      <sheetName val="tirmeta - 10 anos"/>
      <sheetName val="tirmeta - 12 anos"/>
      <sheetName val="tirmeta - 15 anos"/>
      <sheetName val="tirmeta - 20 anos"/>
      <sheetName val="dados atuais  ANTERIOR"/>
      <sheetName val="MINI"/>
      <sheetName val="MIDI"/>
      <sheetName val="BÁSICO"/>
      <sheetName val="PADRON LE"/>
      <sheetName val="PADRON LE 15m"/>
      <sheetName val="ARTICULADO"/>
      <sheetName val="ARTICULADO 21"/>
      <sheetName val="ARTICULADO 23"/>
      <sheetName val="BIARTICULADO"/>
      <sheetName val="TROLEBUS"/>
      <sheetName val="TROLEBUS 15M"/>
      <sheetName val="TROLEBUS 15M BATERIA"/>
      <sheetName val="PADRON ETANOL"/>
      <sheetName val="RESIDUAL TRÓLEBUS"/>
      <sheetName val="AUXILIAR FLUXO DE CAIXA"/>
      <sheetName val="HORAS MENSAIS TRABALHADAS"/>
      <sheetName val="PEÇAS E ACESSÓRIOS"/>
      <sheetName val="OPERACIONAL"/>
      <sheetName val="MANUTENÇÃO E FISCALIZAÇÃO"/>
      <sheetName val="ADMINISTRATIVAS"/>
      <sheetName val="diesel e rodagem"/>
      <sheetName val="lubrificantes"/>
      <sheetName val="ALUGUEIS"/>
      <sheetName val="CUSTO POR TIPO DE VEÍCULO FINAL"/>
      <sheetName val="CUSTO POR TIPO DE VEÍCULO"/>
      <sheetName val="CUSTO POR TIPO DE VEÍCULO PERMI"/>
      <sheetName val="Anexo Depr RemCap Inst"/>
      <sheetName val="calculo F.U."/>
      <sheetName val="HORAS NOTURNAS"/>
      <sheetName val="Plan13"/>
    </sheetNames>
    <sheetDataSet>
      <sheetData sheetId="0"/>
      <sheetData sheetId="1"/>
      <sheetData sheetId="2"/>
      <sheetData sheetId="3"/>
      <sheetData sheetId="4"/>
      <sheetData sheetId="5">
        <row r="26">
          <cell r="B26">
            <v>9.9699999999999997E-2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</sheetDataSet>
  </externalBook>
</externalLink>
</file>

<file path=xl/externalLinks/externalLink3.xml><?xml version="1.0" encoding="utf-8"?>
<externalLink xmlns="http://schemas.openxmlformats.org/spreadsheetml/2006/main">
  <externalBook xmlns:r="http://schemas.openxmlformats.org/officeDocument/2006/relationships" r:id="rId1">
    <sheetNames>
      <sheetName val="Plan1"/>
      <sheetName val="BÁSICO PERMISSÃO"/>
      <sheetName val="MINI PERMISSÃO"/>
      <sheetName val="MIDI PERMISSÃO"/>
      <sheetName val="resumão"/>
      <sheetName val="OPÇÕES"/>
      <sheetName val="dados atuais 10%"/>
      <sheetName val="INVESTIMENTO"/>
      <sheetName val="EQUIP. EMBARCADOS"/>
      <sheetName val="administração SPE"/>
      <sheetName val="SISTEMAS"/>
      <sheetName val="quadro resumo"/>
      <sheetName val="resumo dos prazos"/>
      <sheetName val="resumo dos prazos RT"/>
      <sheetName val="dados atuais  tirmeta"/>
      <sheetName val="tirmeta - 10 anos"/>
      <sheetName val="tirmeta - 12 anos"/>
      <sheetName val="tirmeta - 15 anos"/>
      <sheetName val="tirmeta - 20 anos"/>
      <sheetName val="dados atuais  ANTERIOR"/>
      <sheetName val="MINI"/>
      <sheetName val="MIDI"/>
      <sheetName val="BÁSICO"/>
      <sheetName val="PADRON LE"/>
      <sheetName val="PADRON LE 15m"/>
      <sheetName val="ARTICULADO"/>
      <sheetName val="ARTICULADO 21"/>
      <sheetName val="ARTICULADO 23"/>
      <sheetName val="BIARTICULADO"/>
      <sheetName val="TROLEBUS"/>
      <sheetName val="TROLEBUS 15M"/>
      <sheetName val="TROLEBUS 15M BATERIA"/>
      <sheetName val="PADRON ETANOL"/>
      <sheetName val="RESIDUAL TRÓLEBUS"/>
      <sheetName val="AUXILIAR FLUXO DE CAIXA"/>
      <sheetName val="HORAS MENSAIS TRABALHADAS"/>
      <sheetName val="PEÇAS E ACESSÓRIOS"/>
      <sheetName val="OPERACIONAL"/>
      <sheetName val="MANUTENÇÃO E FISCALIZAÇÃO"/>
      <sheetName val="ADMINISTRATIVAS"/>
      <sheetName val="diesel e rodagem"/>
      <sheetName val="lubrificantes"/>
      <sheetName val="ALUGUEIS"/>
      <sheetName val="CUSTO POR TIPO DE VEÍCULO FINAL"/>
      <sheetName val="CUSTO POR TIPO DE VEÍCULO"/>
      <sheetName val="CUSTO POR TIPO DE VEÍCULO PERMI"/>
      <sheetName val="Anexo Depr RemCap Inst"/>
      <sheetName val="calculo F.U."/>
      <sheetName val="HORAS NOTURNAS"/>
      <sheetName val="Plan13"/>
    </sheetNames>
    <sheetDataSet>
      <sheetData sheetId="0"/>
      <sheetData sheetId="1"/>
      <sheetData sheetId="2"/>
      <sheetData sheetId="3"/>
      <sheetData sheetId="4"/>
      <sheetData sheetId="5">
        <row r="26">
          <cell r="B26">
            <v>9.8500000000000004E-2</v>
          </cell>
        </row>
      </sheetData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</sheetDataSet>
  </externalBook>
</externalLink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.xml"/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.xml"/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.xml"/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.xml"/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.xml"/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5.xml"/><Relationship Id="rId1" Type="http://schemas.openxmlformats.org/officeDocument/2006/relationships/printerSettings" Target="../printerSettings/printerSettings15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Relationship Id="rId4" Type="http://schemas.openxmlformats.org/officeDocument/2006/relationships/comments" Target="../comments1.xml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.xml"/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>
  <dimension ref="A1:J40"/>
  <sheetViews>
    <sheetView view="pageLayout" zoomScaleNormal="100" zoomScaleSheetLayoutView="80" workbookViewId="0">
      <selection activeCell="H8" sqref="H8"/>
    </sheetView>
  </sheetViews>
  <sheetFormatPr defaultRowHeight="15"/>
  <cols>
    <col min="1" max="16384" width="9.140625" style="79"/>
  </cols>
  <sheetData>
    <row r="1" spans="1:10" ht="18.75">
      <c r="A1" s="77"/>
      <c r="B1" s="77"/>
      <c r="C1" s="77"/>
      <c r="D1" s="77"/>
      <c r="E1" s="77"/>
      <c r="F1" s="78"/>
      <c r="G1" s="78"/>
      <c r="H1" s="78"/>
      <c r="I1" s="78"/>
      <c r="J1" s="78"/>
    </row>
    <row r="2" spans="1:10" ht="27.75">
      <c r="A2" s="77"/>
      <c r="B2" s="77"/>
      <c r="C2" s="77"/>
      <c r="D2" s="96" t="s">
        <v>97</v>
      </c>
      <c r="E2" s="96"/>
      <c r="F2" s="96"/>
      <c r="G2" s="96"/>
      <c r="H2" s="78"/>
      <c r="I2" s="78"/>
      <c r="J2" s="78"/>
    </row>
    <row r="3" spans="1:10" ht="18.75">
      <c r="A3" s="77"/>
      <c r="B3" s="77"/>
      <c r="C3" s="77"/>
      <c r="D3" s="77"/>
      <c r="E3" s="77"/>
      <c r="F3" s="78"/>
      <c r="G3" s="78"/>
      <c r="H3" s="78"/>
      <c r="I3" s="78"/>
      <c r="J3" s="78"/>
    </row>
    <row r="4" spans="1:10" ht="27.75">
      <c r="A4" s="97" t="s">
        <v>96</v>
      </c>
      <c r="B4" s="97"/>
      <c r="C4" s="97"/>
      <c r="D4" s="97"/>
      <c r="E4" s="97"/>
      <c r="F4" s="97"/>
      <c r="G4" s="97"/>
      <c r="H4" s="97"/>
      <c r="I4" s="97"/>
      <c r="J4" s="81"/>
    </row>
    <row r="5" spans="1:10" ht="27.75">
      <c r="A5" s="98" t="s">
        <v>98</v>
      </c>
      <c r="B5" s="98"/>
      <c r="C5" s="98"/>
      <c r="D5" s="98"/>
      <c r="E5" s="98"/>
      <c r="F5" s="98"/>
      <c r="G5" s="98"/>
      <c r="H5" s="98"/>
      <c r="I5" s="98"/>
      <c r="J5" s="81"/>
    </row>
    <row r="6" spans="1:10" ht="27.75">
      <c r="A6" s="98"/>
      <c r="B6" s="98"/>
      <c r="C6" s="98"/>
      <c r="D6" s="98"/>
      <c r="E6" s="98"/>
      <c r="F6" s="98"/>
      <c r="G6" s="98"/>
      <c r="H6" s="98"/>
      <c r="I6" s="98"/>
      <c r="J6" s="81"/>
    </row>
    <row r="7" spans="1:10" ht="27.75">
      <c r="A7" s="97"/>
      <c r="B7" s="97"/>
      <c r="C7" s="97"/>
      <c r="D7" s="97"/>
      <c r="E7" s="97"/>
      <c r="F7" s="97"/>
      <c r="G7" s="97"/>
      <c r="H7" s="97"/>
      <c r="I7" s="97"/>
      <c r="J7" s="97"/>
    </row>
    <row r="8" spans="1:10" ht="18.75">
      <c r="A8" s="77"/>
      <c r="B8" s="77"/>
      <c r="C8" s="77"/>
      <c r="D8" s="77"/>
      <c r="E8" s="77"/>
      <c r="F8" s="78"/>
      <c r="G8" s="78"/>
      <c r="H8" s="78"/>
      <c r="I8" s="78"/>
      <c r="J8" s="78"/>
    </row>
    <row r="9" spans="1:10" ht="18.75">
      <c r="A9" s="77"/>
      <c r="B9" s="77"/>
      <c r="C9" s="77"/>
      <c r="D9" s="77"/>
      <c r="E9" s="77"/>
      <c r="F9" s="78"/>
      <c r="G9" s="78"/>
      <c r="H9" s="78"/>
      <c r="I9" s="78"/>
      <c r="J9" s="78"/>
    </row>
    <row r="10" spans="1:10" ht="18.75">
      <c r="A10" s="77"/>
      <c r="B10" s="77"/>
      <c r="C10" s="77"/>
      <c r="D10" s="77"/>
      <c r="E10" s="77"/>
      <c r="F10" s="78"/>
      <c r="G10" s="78"/>
      <c r="H10" s="78"/>
      <c r="I10" s="78"/>
      <c r="J10" s="78"/>
    </row>
    <row r="11" spans="1:10" ht="27.75">
      <c r="A11" s="97"/>
      <c r="B11" s="97"/>
      <c r="C11" s="97"/>
      <c r="D11" s="97"/>
      <c r="E11" s="97"/>
      <c r="F11" s="97"/>
      <c r="G11" s="97"/>
      <c r="H11" s="97"/>
      <c r="I11" s="97"/>
      <c r="J11" s="97"/>
    </row>
    <row r="12" spans="1:10" ht="27.75">
      <c r="A12" s="97"/>
      <c r="B12" s="97"/>
      <c r="C12" s="97"/>
      <c r="D12" s="97"/>
      <c r="E12" s="97"/>
      <c r="F12" s="97"/>
      <c r="G12" s="97"/>
      <c r="H12" s="97"/>
      <c r="I12" s="97"/>
      <c r="J12" s="97"/>
    </row>
    <row r="13" spans="1:10" ht="27.75">
      <c r="A13" s="97"/>
      <c r="B13" s="97"/>
      <c r="C13" s="97"/>
      <c r="D13" s="97"/>
      <c r="E13" s="97"/>
      <c r="F13" s="97"/>
      <c r="G13" s="97"/>
      <c r="H13" s="97"/>
      <c r="I13" s="97"/>
      <c r="J13" s="97"/>
    </row>
    <row r="14" spans="1:10">
      <c r="A14" s="80"/>
      <c r="B14" s="80"/>
      <c r="C14" s="80"/>
      <c r="D14" s="80"/>
      <c r="E14" s="80"/>
      <c r="F14" s="80"/>
      <c r="G14" s="80"/>
      <c r="H14" s="80"/>
      <c r="I14" s="80"/>
      <c r="J14" s="80"/>
    </row>
    <row r="15" spans="1:10">
      <c r="A15" s="80"/>
      <c r="B15" s="80"/>
      <c r="C15" s="80"/>
      <c r="D15" s="80"/>
      <c r="E15" s="80"/>
      <c r="F15" s="80"/>
      <c r="G15" s="80"/>
      <c r="H15" s="80"/>
      <c r="I15" s="80"/>
      <c r="J15" s="80"/>
    </row>
    <row r="16" spans="1:10">
      <c r="A16" s="80"/>
      <c r="B16" s="80"/>
      <c r="C16" s="80"/>
      <c r="D16" s="80"/>
      <c r="E16" s="80"/>
      <c r="F16" s="80"/>
      <c r="G16" s="80"/>
      <c r="H16" s="80"/>
      <c r="I16" s="80"/>
      <c r="J16" s="80"/>
    </row>
    <row r="17" spans="1:10" ht="18.75">
      <c r="A17" s="77"/>
      <c r="B17" s="77"/>
      <c r="C17" s="77"/>
      <c r="D17" s="77"/>
      <c r="E17" s="77"/>
      <c r="F17" s="78"/>
      <c r="G17" s="78"/>
      <c r="H17" s="78"/>
      <c r="I17" s="78"/>
      <c r="J17" s="78"/>
    </row>
    <row r="18" spans="1:10" ht="18.75">
      <c r="A18" s="77"/>
      <c r="B18" s="77"/>
      <c r="C18" s="77"/>
      <c r="D18" s="77"/>
      <c r="E18" s="77"/>
      <c r="F18" s="78"/>
      <c r="G18" s="78"/>
      <c r="H18" s="78"/>
      <c r="I18" s="78"/>
      <c r="J18" s="78"/>
    </row>
    <row r="19" spans="1:10" ht="18.75">
      <c r="A19" s="77"/>
      <c r="B19" s="77"/>
      <c r="C19" s="77"/>
      <c r="D19" s="77"/>
      <c r="E19" s="77"/>
      <c r="F19" s="78"/>
      <c r="G19" s="78"/>
      <c r="H19" s="78"/>
      <c r="I19" s="78"/>
      <c r="J19" s="78"/>
    </row>
    <row r="20" spans="1:10" ht="18.75">
      <c r="A20" s="77"/>
      <c r="B20" s="77"/>
      <c r="C20" s="77"/>
      <c r="D20" s="77"/>
      <c r="E20" s="77"/>
      <c r="F20" s="78"/>
      <c r="G20" s="78"/>
      <c r="H20" s="78"/>
      <c r="I20" s="78"/>
      <c r="J20" s="78"/>
    </row>
    <row r="21" spans="1:10" ht="18.75">
      <c r="A21" s="77"/>
      <c r="B21" s="77"/>
      <c r="C21" s="77"/>
      <c r="D21" s="77"/>
      <c r="E21" s="77"/>
      <c r="F21" s="78"/>
      <c r="G21" s="78"/>
      <c r="H21" s="78"/>
      <c r="I21" s="78"/>
      <c r="J21" s="78"/>
    </row>
    <row r="22" spans="1:10">
      <c r="A22" s="80"/>
      <c r="B22" s="80"/>
      <c r="C22" s="80"/>
      <c r="D22" s="80"/>
      <c r="E22" s="80"/>
      <c r="F22" s="80"/>
      <c r="G22" s="80"/>
      <c r="H22" s="80"/>
      <c r="I22" s="80"/>
      <c r="J22" s="80"/>
    </row>
    <row r="23" spans="1:10">
      <c r="A23" s="80"/>
      <c r="B23" s="80"/>
      <c r="C23" s="80"/>
      <c r="D23" s="80"/>
      <c r="E23" s="80"/>
      <c r="F23" s="80"/>
      <c r="G23" s="80"/>
      <c r="H23" s="80"/>
      <c r="I23" s="80"/>
      <c r="J23" s="80"/>
    </row>
    <row r="24" spans="1:10">
      <c r="A24" s="80"/>
      <c r="B24" s="80"/>
      <c r="C24" s="80"/>
      <c r="D24" s="80"/>
      <c r="E24" s="80"/>
      <c r="F24" s="80"/>
      <c r="G24" s="80"/>
      <c r="H24" s="80"/>
      <c r="I24" s="80"/>
      <c r="J24" s="80"/>
    </row>
    <row r="25" spans="1:10">
      <c r="A25" s="80"/>
      <c r="B25" s="80"/>
      <c r="C25" s="80"/>
      <c r="D25" s="80"/>
      <c r="E25" s="80"/>
      <c r="F25" s="80"/>
      <c r="G25" s="80"/>
      <c r="H25" s="80"/>
      <c r="I25" s="80"/>
      <c r="J25" s="80"/>
    </row>
    <row r="26" spans="1:10">
      <c r="A26" s="80"/>
      <c r="B26" s="80"/>
      <c r="C26" s="80"/>
      <c r="D26" s="80"/>
      <c r="E26" s="80"/>
      <c r="F26" s="80"/>
      <c r="G26" s="80"/>
      <c r="H26" s="80"/>
      <c r="I26" s="80"/>
      <c r="J26" s="80"/>
    </row>
    <row r="27" spans="1:10">
      <c r="A27" s="80"/>
      <c r="B27" s="80"/>
      <c r="C27" s="80"/>
      <c r="D27" s="80"/>
      <c r="E27" s="80"/>
      <c r="F27" s="80"/>
      <c r="G27" s="80"/>
      <c r="H27" s="80"/>
      <c r="I27" s="80"/>
      <c r="J27" s="80"/>
    </row>
    <row r="28" spans="1:10">
      <c r="A28" s="80"/>
      <c r="B28" s="80"/>
      <c r="C28" s="80"/>
      <c r="D28" s="80"/>
      <c r="E28" s="80"/>
      <c r="F28" s="80"/>
      <c r="G28" s="80"/>
      <c r="H28" s="80"/>
      <c r="I28" s="80"/>
      <c r="J28" s="80"/>
    </row>
    <row r="29" spans="1:10">
      <c r="A29" s="80"/>
      <c r="B29" s="80"/>
      <c r="C29" s="80"/>
      <c r="D29" s="80"/>
      <c r="E29" s="80"/>
      <c r="F29" s="80"/>
      <c r="G29" s="80"/>
      <c r="H29" s="80"/>
      <c r="I29" s="80"/>
      <c r="J29" s="80"/>
    </row>
    <row r="30" spans="1:10">
      <c r="A30" s="80"/>
      <c r="B30" s="80"/>
      <c r="C30" s="80"/>
      <c r="D30" s="80"/>
      <c r="E30" s="80"/>
      <c r="F30" s="80"/>
      <c r="G30" s="80"/>
      <c r="H30" s="80"/>
      <c r="I30" s="80"/>
      <c r="J30" s="80"/>
    </row>
    <row r="31" spans="1:10">
      <c r="A31" s="80"/>
      <c r="B31" s="80"/>
      <c r="C31" s="80"/>
      <c r="D31" s="80"/>
      <c r="E31" s="80"/>
      <c r="F31" s="80"/>
      <c r="G31" s="80"/>
      <c r="H31" s="80"/>
      <c r="I31" s="80"/>
      <c r="J31" s="80"/>
    </row>
    <row r="32" spans="1:10">
      <c r="A32" s="80"/>
      <c r="B32" s="80"/>
      <c r="C32" s="80"/>
      <c r="D32" s="80"/>
      <c r="E32" s="80"/>
      <c r="F32" s="80"/>
      <c r="G32" s="80"/>
      <c r="H32" s="80"/>
      <c r="I32" s="80"/>
      <c r="J32" s="80"/>
    </row>
    <row r="33" spans="1:10">
      <c r="A33" s="80"/>
      <c r="B33" s="80"/>
      <c r="C33" s="80"/>
      <c r="D33" s="80"/>
      <c r="E33" s="80"/>
      <c r="F33" s="80"/>
      <c r="G33" s="80"/>
      <c r="H33" s="80"/>
      <c r="I33" s="80"/>
      <c r="J33" s="80"/>
    </row>
    <row r="34" spans="1:10">
      <c r="A34" s="80"/>
      <c r="B34" s="80"/>
      <c r="C34" s="80"/>
      <c r="D34" s="80"/>
      <c r="E34" s="80"/>
      <c r="F34" s="80"/>
      <c r="G34" s="80"/>
      <c r="H34" s="80"/>
      <c r="I34" s="80"/>
      <c r="J34" s="80"/>
    </row>
    <row r="35" spans="1:10">
      <c r="A35" s="80"/>
      <c r="B35" s="80"/>
      <c r="C35" s="80"/>
      <c r="D35" s="80"/>
      <c r="E35" s="80"/>
      <c r="F35" s="80"/>
      <c r="G35" s="80"/>
      <c r="H35" s="80"/>
      <c r="I35" s="80"/>
      <c r="J35" s="80"/>
    </row>
    <row r="36" spans="1:10">
      <c r="A36" s="80"/>
      <c r="B36" s="80"/>
      <c r="C36" s="80"/>
      <c r="D36" s="80"/>
      <c r="E36" s="80"/>
      <c r="F36" s="80"/>
      <c r="G36" s="80"/>
      <c r="H36" s="80"/>
      <c r="I36" s="80"/>
      <c r="J36" s="80"/>
    </row>
    <row r="37" spans="1:10">
      <c r="A37" s="80"/>
      <c r="B37" s="80"/>
      <c r="C37" s="80"/>
      <c r="D37" s="80"/>
      <c r="E37" s="80"/>
      <c r="F37" s="80"/>
      <c r="G37" s="80"/>
      <c r="H37" s="80"/>
      <c r="I37" s="80"/>
      <c r="J37" s="80"/>
    </row>
    <row r="38" spans="1:10">
      <c r="A38" s="80"/>
      <c r="B38" s="80"/>
      <c r="C38" s="80"/>
      <c r="D38" s="80"/>
      <c r="E38" s="80"/>
      <c r="F38" s="80"/>
      <c r="G38" s="80"/>
      <c r="H38" s="80"/>
      <c r="I38" s="80"/>
      <c r="J38" s="80"/>
    </row>
    <row r="39" spans="1:10">
      <c r="A39" s="80"/>
      <c r="B39" s="80"/>
      <c r="C39" s="80"/>
      <c r="D39" s="80"/>
      <c r="E39" s="80"/>
      <c r="F39" s="80"/>
      <c r="G39" s="80"/>
      <c r="H39" s="80"/>
      <c r="I39" s="80"/>
      <c r="J39" s="80"/>
    </row>
    <row r="40" spans="1:10">
      <c r="A40" s="80"/>
      <c r="B40" s="80"/>
      <c r="C40" s="80"/>
      <c r="D40" s="80"/>
      <c r="E40" s="80"/>
      <c r="F40" s="80"/>
      <c r="G40" s="80"/>
      <c r="H40" s="80"/>
      <c r="I40" s="80"/>
      <c r="J40" s="80"/>
    </row>
  </sheetData>
  <mergeCells count="7">
    <mergeCell ref="D2:G2"/>
    <mergeCell ref="A7:J7"/>
    <mergeCell ref="A11:J11"/>
    <mergeCell ref="A12:J12"/>
    <mergeCell ref="A13:J13"/>
    <mergeCell ref="A4:I4"/>
    <mergeCell ref="A5:I6"/>
  </mergeCells>
  <pageMargins left="1.0833333333333333" right="0.511811024" top="0.78740157499999996" bottom="0.78740157499999996" header="0.31496062000000002" footer="0.31496062000000002"/>
  <pageSetup paperSize="9" orientation="portrait" r:id="rId1"/>
  <drawing r:id="rId2"/>
</worksheet>
</file>

<file path=xl/worksheets/sheet10.xml><?xml version="1.0" encoding="utf-8"?>
<worksheet xmlns="http://schemas.openxmlformats.org/spreadsheetml/2006/main" xmlns:r="http://schemas.openxmlformats.org/officeDocument/2006/relationships">
  <sheetPr codeName="Plan40"/>
  <dimension ref="A1:V88"/>
  <sheetViews>
    <sheetView view="pageBreakPreview" topLeftCell="A49" zoomScale="80" zoomScaleNormal="100" zoomScaleSheetLayoutView="80" workbookViewId="0">
      <selection activeCell="K88" sqref="K88"/>
    </sheetView>
  </sheetViews>
  <sheetFormatPr defaultRowHeight="11.25"/>
  <cols>
    <col min="1" max="1" width="34.85546875" style="2" customWidth="1"/>
    <col min="2" max="2" width="11.7109375" style="2" bestFit="1" customWidth="1"/>
    <col min="3" max="3" width="11.42578125" style="2" bestFit="1" customWidth="1"/>
    <col min="4" max="22" width="10.5703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18">
      <c r="A1" s="93" t="s">
        <v>118</v>
      </c>
    </row>
    <row r="4" spans="1:22" ht="18">
      <c r="A4" s="93" t="s">
        <v>112</v>
      </c>
    </row>
    <row r="5" spans="1:22" ht="15.75">
      <c r="A5" s="105" t="s">
        <v>119</v>
      </c>
    </row>
    <row r="6" spans="1:22" ht="15.75">
      <c r="A6" s="105" t="s">
        <v>113</v>
      </c>
    </row>
    <row r="7" spans="1:22" ht="12.75">
      <c r="A7" s="106" t="s">
        <v>57</v>
      </c>
      <c r="B7" s="107"/>
      <c r="C7" s="108">
        <v>10</v>
      </c>
    </row>
    <row r="8" spans="1:22" ht="12.75">
      <c r="A8" s="109" t="s">
        <v>59</v>
      </c>
      <c r="B8" s="110"/>
      <c r="C8" s="122">
        <v>66895.836308315615</v>
      </c>
    </row>
    <row r="9" spans="1:22" ht="12.75">
      <c r="A9" s="112"/>
      <c r="B9" s="112"/>
      <c r="C9" s="113"/>
    </row>
    <row r="10" spans="1:22" ht="12.75">
      <c r="A10" s="106" t="s">
        <v>60</v>
      </c>
      <c r="B10" s="107"/>
      <c r="C10" s="114">
        <v>48472.743166993037</v>
      </c>
    </row>
    <row r="11" spans="1:22" ht="12.75">
      <c r="A11" s="106" t="s">
        <v>61</v>
      </c>
      <c r="B11" s="107"/>
      <c r="C11" s="114">
        <v>19141.278123600001</v>
      </c>
    </row>
    <row r="12" spans="1:22" ht="12.75">
      <c r="A12" s="106" t="s">
        <v>62</v>
      </c>
      <c r="B12" s="107"/>
      <c r="C12" s="115">
        <v>29331.465043393033</v>
      </c>
    </row>
    <row r="13" spans="1:22" ht="12.75">
      <c r="A13" s="106" t="s">
        <v>63</v>
      </c>
      <c r="B13" s="107"/>
      <c r="C13" s="114">
        <v>26038.254256127999</v>
      </c>
    </row>
    <row r="14" spans="1:22">
      <c r="A14" s="40"/>
      <c r="B14" s="40"/>
      <c r="C14" s="41"/>
    </row>
    <row r="15" spans="1:22" ht="18">
      <c r="A15" s="116" t="s">
        <v>114</v>
      </c>
      <c r="C15" s="41"/>
      <c r="D15" s="28"/>
      <c r="V15" s="42" t="s">
        <v>64</v>
      </c>
    </row>
    <row r="16" spans="1:22">
      <c r="A16" s="43"/>
      <c r="B16" s="43" t="s">
        <v>3</v>
      </c>
      <c r="C16" s="43" t="s">
        <v>4</v>
      </c>
      <c r="D16" s="43" t="s">
        <v>5</v>
      </c>
      <c r="E16" s="43" t="s">
        <v>6</v>
      </c>
      <c r="F16" s="43" t="s">
        <v>7</v>
      </c>
      <c r="G16" s="43" t="s">
        <v>8</v>
      </c>
      <c r="H16" s="43" t="s">
        <v>9</v>
      </c>
      <c r="I16" s="43" t="s">
        <v>10</v>
      </c>
      <c r="J16" s="43" t="s">
        <v>11</v>
      </c>
      <c r="K16" s="43" t="s">
        <v>12</v>
      </c>
      <c r="L16" s="43" t="s">
        <v>13</v>
      </c>
      <c r="M16" s="43" t="s">
        <v>14</v>
      </c>
      <c r="N16" s="43" t="s">
        <v>15</v>
      </c>
      <c r="O16" s="43" t="s">
        <v>16</v>
      </c>
      <c r="P16" s="43" t="s">
        <v>17</v>
      </c>
      <c r="Q16" s="43" t="s">
        <v>18</v>
      </c>
      <c r="R16" s="43" t="s">
        <v>19</v>
      </c>
      <c r="S16" s="43" t="s">
        <v>20</v>
      </c>
      <c r="T16" s="43" t="s">
        <v>21</v>
      </c>
      <c r="U16" s="43" t="s">
        <v>22</v>
      </c>
      <c r="V16" s="43" t="s">
        <v>23</v>
      </c>
    </row>
    <row r="17" spans="1:22">
      <c r="A17" s="40" t="s">
        <v>65</v>
      </c>
      <c r="B17" s="40"/>
      <c r="C17" s="41">
        <v>8027500.3569978736</v>
      </c>
      <c r="D17" s="41">
        <v>8027500.3569978736</v>
      </c>
      <c r="E17" s="41">
        <v>8027500.3569978736</v>
      </c>
      <c r="F17" s="41">
        <v>8027500.3569978736</v>
      </c>
      <c r="G17" s="41">
        <v>8027500.3569978736</v>
      </c>
      <c r="H17" s="41">
        <v>8027500.3569978736</v>
      </c>
      <c r="I17" s="41">
        <v>8027500.3569978736</v>
      </c>
      <c r="J17" s="41">
        <v>8027500.3569978736</v>
      </c>
      <c r="K17" s="41">
        <v>8027500.3569978736</v>
      </c>
      <c r="L17" s="41">
        <v>8027500.3569978736</v>
      </c>
      <c r="M17" s="41">
        <v>8027500.3569978736</v>
      </c>
      <c r="N17" s="41">
        <v>8027500.3569978736</v>
      </c>
      <c r="O17" s="41">
        <v>8027500.3569978736</v>
      </c>
      <c r="P17" s="41">
        <v>8027500.3569978736</v>
      </c>
      <c r="Q17" s="41">
        <v>8027500.3569978736</v>
      </c>
      <c r="R17" s="41">
        <v>8027500.3569978736</v>
      </c>
      <c r="S17" s="41">
        <v>8027500.3569978736</v>
      </c>
      <c r="T17" s="41">
        <v>8027500.3569978736</v>
      </c>
      <c r="U17" s="41">
        <v>8027500.3569978736</v>
      </c>
      <c r="V17" s="41">
        <v>8027500.3569978736</v>
      </c>
    </row>
    <row r="18" spans="1:22">
      <c r="A18" s="44" t="s">
        <v>66</v>
      </c>
      <c r="B18" s="44"/>
      <c r="C18" s="45">
        <v>160550.00713995748</v>
      </c>
      <c r="D18" s="45">
        <v>160550.00713995748</v>
      </c>
      <c r="E18" s="45">
        <v>160550.00713995748</v>
      </c>
      <c r="F18" s="45">
        <v>160550.00713995748</v>
      </c>
      <c r="G18" s="45">
        <v>160550.00713995748</v>
      </c>
      <c r="H18" s="45">
        <v>160550.00713995748</v>
      </c>
      <c r="I18" s="45">
        <v>160550.00713995748</v>
      </c>
      <c r="J18" s="45">
        <v>160550.00713995748</v>
      </c>
      <c r="K18" s="45">
        <v>160550.00713995748</v>
      </c>
      <c r="L18" s="45">
        <v>160550.00713995748</v>
      </c>
      <c r="M18" s="45">
        <v>160550.00713995748</v>
      </c>
      <c r="N18" s="45">
        <v>160550.00713995748</v>
      </c>
      <c r="O18" s="45">
        <v>160550.00713995748</v>
      </c>
      <c r="P18" s="45">
        <v>160550.00713995748</v>
      </c>
      <c r="Q18" s="45">
        <v>160550.00713995748</v>
      </c>
      <c r="R18" s="45">
        <v>160550.00713995748</v>
      </c>
      <c r="S18" s="45">
        <v>160550.00713995748</v>
      </c>
      <c r="T18" s="45">
        <v>160550.00713995748</v>
      </c>
      <c r="U18" s="45">
        <v>160550.00713995748</v>
      </c>
      <c r="V18" s="45">
        <v>160550.00713995748</v>
      </c>
    </row>
    <row r="19" spans="1:22">
      <c r="A19" s="40" t="s">
        <v>67</v>
      </c>
      <c r="B19" s="40"/>
      <c r="C19" s="46">
        <v>7866950.3498579161</v>
      </c>
      <c r="D19" s="46">
        <v>7866950.3498579161</v>
      </c>
      <c r="E19" s="46">
        <v>7866950.3498579161</v>
      </c>
      <c r="F19" s="46">
        <v>7866950.3498579161</v>
      </c>
      <c r="G19" s="46">
        <v>7866950.3498579161</v>
      </c>
      <c r="H19" s="46">
        <v>7866950.3498579161</v>
      </c>
      <c r="I19" s="46">
        <v>7866950.3498579161</v>
      </c>
      <c r="J19" s="46">
        <v>7866950.3498579161</v>
      </c>
      <c r="K19" s="46">
        <v>7866950.3498579161</v>
      </c>
      <c r="L19" s="46">
        <v>7866950.3498579161</v>
      </c>
      <c r="M19" s="46">
        <v>7866950.3498579161</v>
      </c>
      <c r="N19" s="46">
        <v>7866950.3498579161</v>
      </c>
      <c r="O19" s="46">
        <v>7866950.3498579161</v>
      </c>
      <c r="P19" s="46">
        <v>7866950.3498579161</v>
      </c>
      <c r="Q19" s="46">
        <v>7866950.3498579161</v>
      </c>
      <c r="R19" s="46">
        <v>7866950.3498579161</v>
      </c>
      <c r="S19" s="46">
        <v>7866950.3498579161</v>
      </c>
      <c r="T19" s="46">
        <v>7866950.3498579161</v>
      </c>
      <c r="U19" s="46">
        <v>7866950.3498579161</v>
      </c>
      <c r="V19" s="46">
        <v>7866950.3498579161</v>
      </c>
    </row>
    <row r="20" spans="1:22">
      <c r="A20" s="40"/>
      <c r="B20" s="40"/>
      <c r="C20" s="40"/>
      <c r="D20" s="40"/>
      <c r="E20" s="40"/>
      <c r="F20" s="40"/>
      <c r="G20" s="40"/>
      <c r="H20" s="40"/>
      <c r="I20" s="40"/>
      <c r="J20" s="40"/>
      <c r="K20" s="40"/>
      <c r="L20" s="40"/>
      <c r="M20" s="40"/>
      <c r="N20" s="40"/>
      <c r="O20" s="40"/>
      <c r="P20" s="40"/>
      <c r="Q20" s="40"/>
      <c r="R20" s="40"/>
      <c r="S20" s="40"/>
      <c r="T20" s="40"/>
      <c r="U20" s="40"/>
      <c r="V20" s="40"/>
    </row>
    <row r="21" spans="1:22">
      <c r="A21" s="44" t="s">
        <v>68</v>
      </c>
      <c r="B21" s="44"/>
      <c r="C21" s="45">
        <v>6087714.9226004435</v>
      </c>
      <c r="D21" s="45">
        <v>6087714.9226004435</v>
      </c>
      <c r="E21" s="45">
        <v>6087714.9226004435</v>
      </c>
      <c r="F21" s="45">
        <v>6095117.7226004433</v>
      </c>
      <c r="G21" s="45">
        <v>6095117.7226004433</v>
      </c>
      <c r="H21" s="45">
        <v>6095117.7226004433</v>
      </c>
      <c r="I21" s="45">
        <v>6095117.7226004433</v>
      </c>
      <c r="J21" s="45">
        <v>6095117.7226004433</v>
      </c>
      <c r="K21" s="45">
        <v>6095117.7226004433</v>
      </c>
      <c r="L21" s="45">
        <v>6095117.7226004433</v>
      </c>
      <c r="M21" s="47">
        <v>6087714.9226004435</v>
      </c>
      <c r="N21" s="47">
        <v>6087714.9226004435</v>
      </c>
      <c r="O21" s="47">
        <v>6087714.9226004435</v>
      </c>
      <c r="P21" s="47">
        <v>6095117.7226004433</v>
      </c>
      <c r="Q21" s="47">
        <v>6095117.7226004433</v>
      </c>
      <c r="R21" s="47">
        <v>6095117.7226004433</v>
      </c>
      <c r="S21" s="47">
        <v>6095117.7226004433</v>
      </c>
      <c r="T21" s="47">
        <v>6095117.7226004433</v>
      </c>
      <c r="U21" s="47">
        <v>6095117.7226004433</v>
      </c>
      <c r="V21" s="47">
        <v>6095117.7226004433</v>
      </c>
    </row>
    <row r="22" spans="1:22">
      <c r="A22" s="40"/>
      <c r="B22" s="40"/>
      <c r="C22" s="40"/>
      <c r="D22" s="40"/>
      <c r="E22" s="40"/>
      <c r="F22" s="40"/>
      <c r="G22" s="40"/>
      <c r="H22" s="40"/>
      <c r="I22" s="40"/>
      <c r="J22" s="40"/>
      <c r="K22" s="40"/>
      <c r="L22" s="40"/>
      <c r="M22" s="40"/>
      <c r="N22" s="40"/>
      <c r="O22" s="40"/>
      <c r="P22" s="40"/>
      <c r="Q22" s="40"/>
      <c r="R22" s="40"/>
      <c r="S22" s="40"/>
      <c r="T22" s="40"/>
      <c r="U22" s="40"/>
      <c r="V22" s="40"/>
    </row>
    <row r="23" spans="1:22">
      <c r="A23" s="40" t="s">
        <v>69</v>
      </c>
      <c r="B23" s="40"/>
      <c r="C23" s="41">
        <v>1224180.656073133</v>
      </c>
      <c r="D23" s="41">
        <v>1254397.4818531331</v>
      </c>
      <c r="E23" s="41">
        <v>1279040.187293133</v>
      </c>
      <c r="F23" s="41">
        <v>1283521.3072931331</v>
      </c>
      <c r="G23" s="41">
        <v>1283521.3072931331</v>
      </c>
      <c r="H23" s="41">
        <v>59451.95355333334</v>
      </c>
      <c r="I23" s="41">
        <v>217863.44377333333</v>
      </c>
      <c r="J23" s="41">
        <v>381849.05433333333</v>
      </c>
      <c r="K23" s="41">
        <v>565996.25033333327</v>
      </c>
      <c r="L23" s="41">
        <v>776624.56633333326</v>
      </c>
      <c r="M23" s="41">
        <v>1924482.6311133332</v>
      </c>
      <c r="N23" s="41">
        <v>1766071.1408933334</v>
      </c>
      <c r="O23" s="41">
        <v>1602085.5303333332</v>
      </c>
      <c r="P23" s="41">
        <v>1417938.3343333332</v>
      </c>
      <c r="Q23" s="41">
        <v>1207310.0183333333</v>
      </c>
      <c r="R23" s="41">
        <v>59451.953553333333</v>
      </c>
      <c r="S23" s="41">
        <v>217863.44377333333</v>
      </c>
      <c r="T23" s="41">
        <v>381849.05433333333</v>
      </c>
      <c r="U23" s="41">
        <v>565996.25033333327</v>
      </c>
      <c r="V23" s="41">
        <v>754624.56633333326</v>
      </c>
    </row>
    <row r="24" spans="1:22">
      <c r="A24" s="40"/>
      <c r="B24" s="40"/>
      <c r="C24" s="40"/>
      <c r="D24" s="40"/>
      <c r="E24" s="40"/>
      <c r="F24" s="40"/>
      <c r="G24" s="40"/>
      <c r="H24" s="40"/>
      <c r="I24" s="40"/>
      <c r="J24" s="40"/>
      <c r="K24" s="40"/>
      <c r="L24" s="40"/>
      <c r="M24" s="40"/>
      <c r="N24" s="40"/>
      <c r="O24" s="40"/>
      <c r="P24" s="40"/>
      <c r="Q24" s="40"/>
      <c r="R24" s="40"/>
      <c r="S24" s="40"/>
      <c r="T24" s="40"/>
      <c r="U24" s="40"/>
      <c r="V24" s="40"/>
    </row>
    <row r="25" spans="1:22">
      <c r="A25" s="44" t="s">
        <v>70</v>
      </c>
      <c r="B25" s="44"/>
      <c r="C25" s="47">
        <v>555054.77118433965</v>
      </c>
      <c r="D25" s="47">
        <v>524837.94540433958</v>
      </c>
      <c r="E25" s="47">
        <v>500195.23996433965</v>
      </c>
      <c r="F25" s="47">
        <v>488311.31996433972</v>
      </c>
      <c r="G25" s="47">
        <v>488311.31996433972</v>
      </c>
      <c r="H25" s="47">
        <v>1712380.6737041394</v>
      </c>
      <c r="I25" s="47">
        <v>1553969.1834841394</v>
      </c>
      <c r="J25" s="47">
        <v>1389983.5729241394</v>
      </c>
      <c r="K25" s="47">
        <v>1205836.3769241394</v>
      </c>
      <c r="L25" s="47">
        <v>995208.06092413957</v>
      </c>
      <c r="M25" s="47">
        <v>-145247.20385586051</v>
      </c>
      <c r="N25" s="47">
        <v>13164.286364139291</v>
      </c>
      <c r="O25" s="47">
        <v>177149.89692413947</v>
      </c>
      <c r="P25" s="47">
        <v>353894.29292413965</v>
      </c>
      <c r="Q25" s="47">
        <v>564522.60892413952</v>
      </c>
      <c r="R25" s="47">
        <v>1712380.6737041394</v>
      </c>
      <c r="S25" s="47">
        <v>1553969.1834841394</v>
      </c>
      <c r="T25" s="47">
        <v>1389983.5729241394</v>
      </c>
      <c r="U25" s="47">
        <v>1205836.3769241394</v>
      </c>
      <c r="V25" s="47">
        <v>1017208.0609241396</v>
      </c>
    </row>
    <row r="26" spans="1:22">
      <c r="A26" s="40"/>
      <c r="B26" s="40"/>
      <c r="C26" s="40"/>
      <c r="D26" s="40"/>
      <c r="E26" s="40"/>
      <c r="F26" s="40"/>
      <c r="G26" s="40"/>
      <c r="H26" s="40"/>
      <c r="I26" s="40"/>
      <c r="J26" s="40"/>
      <c r="K26" s="40"/>
      <c r="L26" s="40"/>
      <c r="M26" s="40"/>
      <c r="N26" s="40"/>
      <c r="O26" s="40"/>
      <c r="P26" s="40"/>
      <c r="Q26" s="40"/>
      <c r="R26" s="40"/>
      <c r="S26" s="40"/>
      <c r="T26" s="40"/>
      <c r="U26" s="40"/>
      <c r="V26" s="40"/>
    </row>
    <row r="27" spans="1:22">
      <c r="A27" s="40" t="s">
        <v>71</v>
      </c>
      <c r="B27" s="40"/>
      <c r="C27" s="41">
        <v>188718.6222026755</v>
      </c>
      <c r="D27" s="41">
        <v>178444.90143747546</v>
      </c>
      <c r="E27" s="41">
        <v>170066.38158787548</v>
      </c>
      <c r="F27" s="41">
        <v>166025.84878787553</v>
      </c>
      <c r="G27" s="41">
        <v>166025.84878787553</v>
      </c>
      <c r="H27" s="41">
        <v>582209.42905940744</v>
      </c>
      <c r="I27" s="41">
        <v>528349.52238460747</v>
      </c>
      <c r="J27" s="41">
        <v>472594.41479420743</v>
      </c>
      <c r="K27" s="41">
        <v>409984.36815420742</v>
      </c>
      <c r="L27" s="41">
        <v>338370.74071420747</v>
      </c>
      <c r="M27" s="41">
        <v>0</v>
      </c>
      <c r="N27" s="41">
        <v>4475.8573638073594</v>
      </c>
      <c r="O27" s="41">
        <v>60230.964954207426</v>
      </c>
      <c r="P27" s="41">
        <v>120324.05959420749</v>
      </c>
      <c r="Q27" s="41">
        <v>191937.68703420745</v>
      </c>
      <c r="R27" s="41">
        <v>582209.42905940744</v>
      </c>
      <c r="S27" s="41">
        <v>528349.52238460747</v>
      </c>
      <c r="T27" s="41">
        <v>472594.41479420743</v>
      </c>
      <c r="U27" s="41">
        <v>409984.36815420742</v>
      </c>
      <c r="V27" s="41">
        <v>345850.74071420747</v>
      </c>
    </row>
    <row r="28" spans="1:22">
      <c r="A28" s="40"/>
      <c r="B28" s="40"/>
      <c r="C28" s="40"/>
      <c r="D28" s="40"/>
      <c r="E28" s="40"/>
      <c r="F28" s="40"/>
      <c r="G28" s="40"/>
      <c r="H28" s="40"/>
      <c r="I28" s="40"/>
      <c r="J28" s="40"/>
      <c r="K28" s="40"/>
      <c r="L28" s="40"/>
      <c r="M28" s="40"/>
      <c r="N28" s="40"/>
      <c r="O28" s="40"/>
      <c r="P28" s="40"/>
      <c r="Q28" s="40"/>
      <c r="R28" s="40"/>
      <c r="S28" s="40"/>
      <c r="T28" s="40"/>
      <c r="U28" s="40"/>
      <c r="V28" s="40"/>
    </row>
    <row r="29" spans="1:22">
      <c r="A29" s="44" t="s">
        <v>72</v>
      </c>
      <c r="B29" s="44"/>
      <c r="C29" s="47">
        <v>366336.14898166416</v>
      </c>
      <c r="D29" s="47">
        <v>346393.04396686412</v>
      </c>
      <c r="E29" s="47">
        <v>330128.85837646417</v>
      </c>
      <c r="F29" s="47">
        <v>322285.47117646423</v>
      </c>
      <c r="G29" s="47">
        <v>322285.47117646423</v>
      </c>
      <c r="H29" s="47">
        <v>1130171.244644732</v>
      </c>
      <c r="I29" s="47">
        <v>1025619.6610995319</v>
      </c>
      <c r="J29" s="47">
        <v>917389.15812993201</v>
      </c>
      <c r="K29" s="47">
        <v>795852.00876993197</v>
      </c>
      <c r="L29" s="47">
        <v>656837.32020993205</v>
      </c>
      <c r="M29" s="47">
        <v>-145247.20385586051</v>
      </c>
      <c r="N29" s="47">
        <v>8688.4290003319311</v>
      </c>
      <c r="O29" s="47">
        <v>116918.93196993205</v>
      </c>
      <c r="P29" s="47">
        <v>233570.23332993215</v>
      </c>
      <c r="Q29" s="47">
        <v>372584.92188993207</v>
      </c>
      <c r="R29" s="47">
        <v>1130171.244644732</v>
      </c>
      <c r="S29" s="47">
        <v>1025619.6610995319</v>
      </c>
      <c r="T29" s="47">
        <v>917389.15812993201</v>
      </c>
      <c r="U29" s="47">
        <v>795852.00876993197</v>
      </c>
      <c r="V29" s="47">
        <v>671357.32020993205</v>
      </c>
    </row>
    <row r="30" spans="1:22">
      <c r="A30" s="40"/>
      <c r="B30" s="40"/>
      <c r="C30" s="40"/>
      <c r="D30" s="40"/>
      <c r="E30" s="40"/>
      <c r="F30" s="40"/>
      <c r="G30" s="40"/>
      <c r="H30" s="40"/>
      <c r="I30" s="40"/>
      <c r="J30" s="40"/>
      <c r="K30" s="40"/>
      <c r="L30" s="40"/>
      <c r="M30" s="40"/>
      <c r="N30" s="40"/>
      <c r="O30" s="40"/>
      <c r="P30" s="40"/>
      <c r="Q30" s="40"/>
      <c r="R30" s="40"/>
      <c r="S30" s="40"/>
      <c r="T30" s="40"/>
      <c r="U30" s="40"/>
      <c r="V30" s="40"/>
    </row>
    <row r="31" spans="1:22">
      <c r="A31" s="40" t="s">
        <v>73</v>
      </c>
      <c r="B31" s="40"/>
      <c r="C31" s="41">
        <v>1224180.656073133</v>
      </c>
      <c r="D31" s="41">
        <v>1254397.4818531331</v>
      </c>
      <c r="E31" s="41">
        <v>1279040.187293133</v>
      </c>
      <c r="F31" s="41">
        <v>1283521.3072931331</v>
      </c>
      <c r="G31" s="41">
        <v>1283521.3072931331</v>
      </c>
      <c r="H31" s="41">
        <v>59451.95355333334</v>
      </c>
      <c r="I31" s="41">
        <v>217863.44377333333</v>
      </c>
      <c r="J31" s="41">
        <v>381849.05433333333</v>
      </c>
      <c r="K31" s="41">
        <v>565996.25033333327</v>
      </c>
      <c r="L31" s="41">
        <v>776624.56633333326</v>
      </c>
      <c r="M31" s="41">
        <v>1924482.6311133332</v>
      </c>
      <c r="N31" s="41">
        <v>1766071.1408933334</v>
      </c>
      <c r="O31" s="41">
        <v>1602085.5303333332</v>
      </c>
      <c r="P31" s="41">
        <v>1417938.3343333332</v>
      </c>
      <c r="Q31" s="41">
        <v>1207310.0183333333</v>
      </c>
      <c r="R31" s="41">
        <v>59451.953553333333</v>
      </c>
      <c r="S31" s="41">
        <v>217863.44377333333</v>
      </c>
      <c r="T31" s="41">
        <v>381849.05433333333</v>
      </c>
      <c r="U31" s="41">
        <v>565996.25033333327</v>
      </c>
      <c r="V31" s="41">
        <v>754624.56633333326</v>
      </c>
    </row>
    <row r="32" spans="1:22">
      <c r="A32" s="40"/>
      <c r="B32" s="40"/>
      <c r="C32" s="40"/>
      <c r="D32" s="40"/>
      <c r="E32" s="40"/>
      <c r="F32" s="40"/>
      <c r="G32" s="40"/>
      <c r="H32" s="40"/>
      <c r="I32" s="40"/>
      <c r="J32" s="40"/>
      <c r="K32" s="40"/>
      <c r="L32" s="40"/>
      <c r="M32" s="40"/>
      <c r="N32" s="40"/>
      <c r="O32" s="40"/>
      <c r="P32" s="40"/>
      <c r="Q32" s="40"/>
      <c r="R32" s="40"/>
      <c r="S32" s="40"/>
      <c r="T32" s="40"/>
      <c r="U32" s="40"/>
      <c r="V32" s="40"/>
    </row>
    <row r="33" spans="1:22">
      <c r="A33" s="44" t="s">
        <v>74</v>
      </c>
      <c r="B33" s="44"/>
      <c r="C33" s="47">
        <v>1590516.8050547971</v>
      </c>
      <c r="D33" s="47">
        <v>1600790.5258199973</v>
      </c>
      <c r="E33" s="47">
        <v>1609169.0456695971</v>
      </c>
      <c r="F33" s="47">
        <v>1605806.7784695975</v>
      </c>
      <c r="G33" s="47">
        <v>1605806.7784695975</v>
      </c>
      <c r="H33" s="47">
        <v>1189623.1981980654</v>
      </c>
      <c r="I33" s="47">
        <v>1243483.1048728651</v>
      </c>
      <c r="J33" s="47">
        <v>1299238.2124632653</v>
      </c>
      <c r="K33" s="47">
        <v>1361848.2591032651</v>
      </c>
      <c r="L33" s="47">
        <v>1433461.8865432653</v>
      </c>
      <c r="M33" s="47">
        <v>1779235.4272574726</v>
      </c>
      <c r="N33" s="47">
        <v>1774759.5698936654</v>
      </c>
      <c r="O33" s="47">
        <v>1719004.4623032652</v>
      </c>
      <c r="P33" s="47">
        <v>1651508.5676632654</v>
      </c>
      <c r="Q33" s="47">
        <v>1579894.9402232654</v>
      </c>
      <c r="R33" s="47">
        <v>1189623.1981980654</v>
      </c>
      <c r="S33" s="47">
        <v>1243483.1048728651</v>
      </c>
      <c r="T33" s="47">
        <v>1299238.2124632653</v>
      </c>
      <c r="U33" s="47">
        <v>1361848.2591032651</v>
      </c>
      <c r="V33" s="47">
        <v>1425981.8865432653</v>
      </c>
    </row>
    <row r="34" spans="1:22">
      <c r="A34" s="40"/>
      <c r="B34" s="41"/>
      <c r="C34" s="40"/>
      <c r="D34" s="40"/>
      <c r="E34" s="40"/>
      <c r="F34" s="40"/>
      <c r="G34" s="40"/>
      <c r="H34" s="40"/>
      <c r="I34" s="40"/>
      <c r="J34" s="40"/>
      <c r="K34" s="40"/>
      <c r="L34" s="40"/>
      <c r="M34" s="40"/>
      <c r="N34" s="40"/>
      <c r="O34" s="40"/>
      <c r="P34" s="40"/>
      <c r="Q34" s="40"/>
      <c r="R34" s="40"/>
      <c r="S34" s="40"/>
      <c r="T34" s="40"/>
      <c r="U34" s="40"/>
      <c r="V34" s="40"/>
    </row>
    <row r="35" spans="1:22">
      <c r="A35" s="40" t="s">
        <v>75</v>
      </c>
      <c r="B35" s="46">
        <v>8119371.3548361147</v>
      </c>
      <c r="C35" s="46">
        <v>80440.843899999993</v>
      </c>
      <c r="D35" s="46">
        <v>151084.12890000001</v>
      </c>
      <c r="E35" s="46">
        <v>123213.52720000001</v>
      </c>
      <c r="F35" s="46">
        <v>22405.599999999999</v>
      </c>
      <c r="G35" s="46">
        <v>0</v>
      </c>
      <c r="H35" s="46">
        <v>943141.58</v>
      </c>
      <c r="I35" s="46">
        <v>943141.58</v>
      </c>
      <c r="J35" s="46">
        <v>943141.58</v>
      </c>
      <c r="K35" s="46">
        <v>943141.58</v>
      </c>
      <c r="L35" s="46">
        <v>5768849.4799999995</v>
      </c>
      <c r="M35" s="46">
        <v>80440.843899999993</v>
      </c>
      <c r="N35" s="46">
        <v>151084.12890000001</v>
      </c>
      <c r="O35" s="46">
        <v>123213.52720000001</v>
      </c>
      <c r="P35" s="46">
        <v>22405.599999999999</v>
      </c>
      <c r="Q35" s="46">
        <v>0</v>
      </c>
      <c r="R35" s="46">
        <v>943141.58</v>
      </c>
      <c r="S35" s="46">
        <v>943141.58</v>
      </c>
      <c r="T35" s="46">
        <v>943141.58</v>
      </c>
      <c r="U35" s="46">
        <v>943141.58</v>
      </c>
      <c r="V35" s="46">
        <v>-83393.355104115675</v>
      </c>
    </row>
    <row r="36" spans="1:22">
      <c r="A36" s="48" t="s">
        <v>76</v>
      </c>
      <c r="B36" s="47">
        <v>7965207.8997319993</v>
      </c>
      <c r="C36" s="47">
        <v>0</v>
      </c>
      <c r="D36" s="47">
        <v>0</v>
      </c>
      <c r="E36" s="47">
        <v>0</v>
      </c>
      <c r="F36" s="47">
        <v>0</v>
      </c>
      <c r="G36" s="47">
        <v>0</v>
      </c>
      <c r="H36" s="47">
        <v>943141.58</v>
      </c>
      <c r="I36" s="47">
        <v>943141.58</v>
      </c>
      <c r="J36" s="47">
        <v>943141.58</v>
      </c>
      <c r="K36" s="47">
        <v>943141.58</v>
      </c>
      <c r="L36" s="47">
        <v>5658849.4799999995</v>
      </c>
      <c r="M36" s="47">
        <v>0</v>
      </c>
      <c r="N36" s="47">
        <v>0</v>
      </c>
      <c r="O36" s="47">
        <v>0</v>
      </c>
      <c r="P36" s="47">
        <v>0</v>
      </c>
      <c r="Q36" s="47">
        <v>0</v>
      </c>
      <c r="R36" s="47">
        <v>943141.58</v>
      </c>
      <c r="S36" s="47">
        <v>943141.58</v>
      </c>
      <c r="T36" s="47">
        <v>943141.58</v>
      </c>
      <c r="U36" s="47">
        <v>943141.58</v>
      </c>
      <c r="V36" s="47">
        <v>0</v>
      </c>
    </row>
    <row r="37" spans="1:22">
      <c r="A37" s="49" t="s">
        <v>77</v>
      </c>
      <c r="B37" s="41">
        <v>66000</v>
      </c>
      <c r="C37" s="41">
        <v>80440.843899999993</v>
      </c>
      <c r="D37" s="41">
        <v>151084.12890000001</v>
      </c>
      <c r="E37" s="41">
        <v>123213.52720000001</v>
      </c>
      <c r="F37" s="41">
        <v>22405.599999999999</v>
      </c>
      <c r="G37" s="41">
        <v>0</v>
      </c>
      <c r="H37" s="41">
        <v>0</v>
      </c>
      <c r="I37" s="41">
        <v>0</v>
      </c>
      <c r="J37" s="41">
        <v>0</v>
      </c>
      <c r="K37" s="41">
        <v>0</v>
      </c>
      <c r="L37" s="41">
        <v>110000</v>
      </c>
      <c r="M37" s="41">
        <v>80440.843899999993</v>
      </c>
      <c r="N37" s="41">
        <v>151084.12890000001</v>
      </c>
      <c r="O37" s="41">
        <v>123213.52720000001</v>
      </c>
      <c r="P37" s="41">
        <v>22405.599999999999</v>
      </c>
      <c r="Q37" s="41">
        <v>0</v>
      </c>
      <c r="R37" s="41">
        <v>0</v>
      </c>
      <c r="S37" s="41">
        <v>0</v>
      </c>
      <c r="T37" s="41">
        <v>0</v>
      </c>
      <c r="U37" s="41">
        <v>0</v>
      </c>
      <c r="V37" s="41">
        <v>0</v>
      </c>
    </row>
    <row r="38" spans="1:22">
      <c r="A38" s="48" t="s">
        <v>78</v>
      </c>
      <c r="B38" s="50">
        <v>4770.1000000000004</v>
      </c>
      <c r="C38" s="44">
        <v>0</v>
      </c>
      <c r="D38" s="44">
        <v>0</v>
      </c>
      <c r="E38" s="44">
        <v>0</v>
      </c>
      <c r="F38" s="44">
        <v>0</v>
      </c>
      <c r="G38" s="44">
        <v>0</v>
      </c>
      <c r="H38" s="44">
        <v>0</v>
      </c>
      <c r="I38" s="44">
        <v>0</v>
      </c>
      <c r="J38" s="44">
        <v>0</v>
      </c>
      <c r="K38" s="44">
        <v>0</v>
      </c>
      <c r="L38" s="44">
        <v>0</v>
      </c>
      <c r="M38" s="44"/>
      <c r="N38" s="44"/>
      <c r="O38" s="44"/>
      <c r="P38" s="44"/>
      <c r="Q38" s="44"/>
      <c r="R38" s="44"/>
      <c r="S38" s="44"/>
      <c r="T38" s="44"/>
      <c r="U38" s="44"/>
      <c r="V38" s="44"/>
    </row>
    <row r="39" spans="1:22">
      <c r="A39" s="49" t="s">
        <v>79</v>
      </c>
      <c r="B39" s="41">
        <v>83393.355104115675</v>
      </c>
      <c r="C39" s="40">
        <v>0</v>
      </c>
      <c r="D39" s="40">
        <v>0</v>
      </c>
      <c r="E39" s="40">
        <v>0</v>
      </c>
      <c r="F39" s="40">
        <v>0</v>
      </c>
      <c r="G39" s="40">
        <v>0</v>
      </c>
      <c r="H39" s="40">
        <v>0</v>
      </c>
      <c r="I39" s="40">
        <v>0</v>
      </c>
      <c r="J39" s="40">
        <v>0</v>
      </c>
      <c r="K39" s="40">
        <v>0</v>
      </c>
      <c r="L39" s="46">
        <v>0</v>
      </c>
      <c r="M39" s="46">
        <v>0</v>
      </c>
      <c r="N39" s="46">
        <v>0</v>
      </c>
      <c r="O39" s="46">
        <v>0</v>
      </c>
      <c r="P39" s="46">
        <v>0</v>
      </c>
      <c r="Q39" s="46">
        <v>0</v>
      </c>
      <c r="R39" s="46">
        <v>0</v>
      </c>
      <c r="S39" s="46">
        <v>0</v>
      </c>
      <c r="T39" s="46">
        <v>0</v>
      </c>
      <c r="U39" s="46">
        <v>0</v>
      </c>
      <c r="V39" s="46">
        <v>-83393.355104115675</v>
      </c>
    </row>
    <row r="40" spans="1:22">
      <c r="A40" s="40"/>
      <c r="B40" s="40"/>
      <c r="C40" s="40"/>
      <c r="D40" s="40"/>
      <c r="E40" s="40"/>
      <c r="F40" s="40"/>
      <c r="G40" s="40"/>
      <c r="H40" s="40"/>
      <c r="I40" s="40"/>
      <c r="J40" s="40"/>
      <c r="K40" s="40"/>
      <c r="L40" s="40"/>
      <c r="M40" s="40"/>
      <c r="N40" s="40"/>
      <c r="O40" s="40"/>
      <c r="P40" s="40"/>
      <c r="Q40" s="40"/>
      <c r="R40" s="40"/>
      <c r="S40" s="40"/>
      <c r="T40" s="40"/>
      <c r="U40" s="40"/>
      <c r="V40" s="40"/>
    </row>
    <row r="41" spans="1:22">
      <c r="A41" s="44" t="s">
        <v>80</v>
      </c>
      <c r="B41" s="45">
        <v>0</v>
      </c>
      <c r="C41" s="45">
        <v>0</v>
      </c>
      <c r="D41" s="45">
        <v>0</v>
      </c>
      <c r="E41" s="45">
        <v>0</v>
      </c>
      <c r="F41" s="45">
        <v>0</v>
      </c>
      <c r="G41" s="45">
        <v>0</v>
      </c>
      <c r="H41" s="45">
        <v>40083.51715</v>
      </c>
      <c r="I41" s="45">
        <v>40083.51715</v>
      </c>
      <c r="J41" s="45">
        <v>40083.51715</v>
      </c>
      <c r="K41" s="45">
        <v>40083.51715</v>
      </c>
      <c r="L41" s="45">
        <v>240501.10290000003</v>
      </c>
      <c r="M41" s="45">
        <v>0</v>
      </c>
      <c r="N41" s="45">
        <v>0</v>
      </c>
      <c r="O41" s="45">
        <v>0</v>
      </c>
      <c r="P41" s="45">
        <v>0</v>
      </c>
      <c r="Q41" s="45">
        <v>0</v>
      </c>
      <c r="R41" s="45">
        <v>40083.51715</v>
      </c>
      <c r="S41" s="45">
        <v>40083.51715</v>
      </c>
      <c r="T41" s="45">
        <v>40083.51715</v>
      </c>
      <c r="U41" s="45">
        <v>40083.51715</v>
      </c>
      <c r="V41" s="45">
        <v>1788024.2412629332</v>
      </c>
    </row>
    <row r="42" spans="1:22">
      <c r="A42" s="40" t="s">
        <v>81</v>
      </c>
      <c r="B42" s="40"/>
      <c r="C42" s="46">
        <v>0</v>
      </c>
      <c r="D42" s="46">
        <v>0</v>
      </c>
      <c r="E42" s="46">
        <v>0</v>
      </c>
      <c r="F42" s="46">
        <v>0</v>
      </c>
      <c r="G42" s="46">
        <v>0</v>
      </c>
      <c r="H42" s="46">
        <v>40083.51715</v>
      </c>
      <c r="I42" s="46">
        <v>40083.51715</v>
      </c>
      <c r="J42" s="46">
        <v>40083.51715</v>
      </c>
      <c r="K42" s="46">
        <v>40083.51715</v>
      </c>
      <c r="L42" s="46">
        <v>240501.10290000003</v>
      </c>
      <c r="M42" s="46">
        <v>0</v>
      </c>
      <c r="N42" s="46">
        <v>0</v>
      </c>
      <c r="O42" s="46">
        <v>0</v>
      </c>
      <c r="P42" s="46">
        <v>0</v>
      </c>
      <c r="Q42" s="46">
        <v>0</v>
      </c>
      <c r="R42" s="46">
        <v>40083.51715</v>
      </c>
      <c r="S42" s="46">
        <v>40083.51715</v>
      </c>
      <c r="T42" s="46">
        <v>40083.51715</v>
      </c>
      <c r="U42" s="46">
        <v>40083.51715</v>
      </c>
      <c r="V42" s="46">
        <v>1785480.1879296</v>
      </c>
    </row>
    <row r="43" spans="1:22">
      <c r="A43" s="44" t="s">
        <v>82</v>
      </c>
      <c r="B43" s="44"/>
      <c r="C43" s="44">
        <v>0</v>
      </c>
      <c r="D43" s="44">
        <v>0</v>
      </c>
      <c r="E43" s="44">
        <v>0</v>
      </c>
      <c r="F43" s="44">
        <v>0</v>
      </c>
      <c r="G43" s="44">
        <v>0</v>
      </c>
      <c r="H43" s="44">
        <v>0</v>
      </c>
      <c r="I43" s="44">
        <v>0</v>
      </c>
      <c r="J43" s="44">
        <v>0</v>
      </c>
      <c r="K43" s="44">
        <v>0</v>
      </c>
      <c r="L43" s="44">
        <v>0</v>
      </c>
      <c r="M43" s="44">
        <v>0</v>
      </c>
      <c r="N43" s="44">
        <v>0</v>
      </c>
      <c r="O43" s="44">
        <v>0</v>
      </c>
      <c r="P43" s="44">
        <v>0</v>
      </c>
      <c r="Q43" s="44">
        <v>0</v>
      </c>
      <c r="R43" s="44">
        <v>0</v>
      </c>
      <c r="S43" s="44">
        <v>0</v>
      </c>
      <c r="T43" s="44">
        <v>0</v>
      </c>
      <c r="U43" s="44">
        <v>0</v>
      </c>
      <c r="V43" s="44">
        <v>2544.0533333333337</v>
      </c>
    </row>
    <row r="44" spans="1:22">
      <c r="A44" s="40"/>
      <c r="B44" s="40"/>
      <c r="C44" s="40"/>
      <c r="D44" s="40"/>
      <c r="E44" s="40"/>
      <c r="F44" s="40"/>
      <c r="G44" s="40"/>
      <c r="H44" s="40"/>
      <c r="I44" s="40"/>
      <c r="J44" s="40"/>
      <c r="K44" s="40"/>
      <c r="L44" s="40"/>
      <c r="M44" s="40"/>
      <c r="N44" s="40"/>
      <c r="O44" s="40"/>
      <c r="P44" s="40"/>
      <c r="Q44" s="40"/>
      <c r="R44" s="40"/>
      <c r="S44" s="40"/>
      <c r="T44" s="40"/>
      <c r="U44" s="40"/>
      <c r="V44" s="40"/>
    </row>
    <row r="45" spans="1:22">
      <c r="A45" s="52" t="s">
        <v>83</v>
      </c>
      <c r="B45" s="53">
        <v>-8119371.3548361147</v>
      </c>
      <c r="C45" s="53">
        <v>1510075.9611547971</v>
      </c>
      <c r="D45" s="53">
        <v>1449706.3969199974</v>
      </c>
      <c r="E45" s="53">
        <v>1485955.5184695972</v>
      </c>
      <c r="F45" s="53">
        <v>1583401.1784695974</v>
      </c>
      <c r="G45" s="53">
        <v>1605806.7784695975</v>
      </c>
      <c r="H45" s="53">
        <v>286565.13534806541</v>
      </c>
      <c r="I45" s="53">
        <v>340425.04202286515</v>
      </c>
      <c r="J45" s="53">
        <v>396180.1496132653</v>
      </c>
      <c r="K45" s="53">
        <v>458790.19625326514</v>
      </c>
      <c r="L45" s="53">
        <v>-4094886.4905567341</v>
      </c>
      <c r="M45" s="53">
        <v>1698794.5833574727</v>
      </c>
      <c r="N45" s="53">
        <v>1623675.4409936653</v>
      </c>
      <c r="O45" s="53">
        <v>1595790.9351032651</v>
      </c>
      <c r="P45" s="53">
        <v>1629102.9676632653</v>
      </c>
      <c r="Q45" s="53">
        <v>1579894.9402232654</v>
      </c>
      <c r="R45" s="53">
        <v>286565.13534806541</v>
      </c>
      <c r="S45" s="53">
        <v>340425.04202286515</v>
      </c>
      <c r="T45" s="53">
        <v>396180.1496132653</v>
      </c>
      <c r="U45" s="53">
        <v>458790.19625326514</v>
      </c>
      <c r="V45" s="53">
        <v>3297399.4829103141</v>
      </c>
    </row>
    <row r="46" spans="1:22">
      <c r="A46" s="40"/>
      <c r="B46" s="41"/>
      <c r="C46" s="46"/>
      <c r="D46" s="46"/>
      <c r="E46" s="46"/>
      <c r="F46" s="46"/>
      <c r="G46" s="46"/>
      <c r="H46" s="46"/>
      <c r="I46" s="46"/>
      <c r="J46" s="46"/>
      <c r="K46" s="46"/>
      <c r="L46" s="46"/>
      <c r="M46" s="46"/>
      <c r="N46" s="46"/>
      <c r="O46" s="46"/>
      <c r="P46" s="46"/>
      <c r="Q46" s="46"/>
      <c r="R46" s="46"/>
      <c r="S46" s="46"/>
      <c r="T46" s="46"/>
      <c r="U46" s="46"/>
      <c r="V46" s="46"/>
    </row>
    <row r="47" spans="1:22">
      <c r="A47" s="39"/>
      <c r="B47" s="40"/>
      <c r="C47" s="40"/>
      <c r="D47" s="40"/>
      <c r="E47" s="40"/>
      <c r="F47" s="40"/>
      <c r="G47" s="40"/>
      <c r="H47" s="40"/>
      <c r="I47" s="40"/>
      <c r="J47" s="40"/>
      <c r="K47" s="40"/>
      <c r="L47" s="40"/>
      <c r="M47" s="40"/>
      <c r="N47" s="40"/>
      <c r="O47" s="40"/>
      <c r="P47" s="40"/>
      <c r="Q47" s="40"/>
      <c r="R47" s="40"/>
      <c r="S47" s="40"/>
      <c r="T47" s="40"/>
      <c r="U47" s="40"/>
      <c r="V47" s="40"/>
    </row>
    <row r="48" spans="1:22">
      <c r="A48" s="40"/>
      <c r="B48" s="40"/>
      <c r="C48" s="40"/>
      <c r="D48" s="40"/>
      <c r="E48" s="40"/>
      <c r="F48" s="40"/>
      <c r="G48" s="40"/>
      <c r="H48" s="40"/>
      <c r="I48" s="40"/>
      <c r="J48" s="40"/>
      <c r="K48" s="40"/>
      <c r="L48" s="40"/>
      <c r="M48" s="40"/>
      <c r="N48" s="40"/>
      <c r="O48" s="40"/>
      <c r="P48" s="40"/>
      <c r="Q48" s="40"/>
      <c r="R48" s="40"/>
      <c r="S48" s="40"/>
      <c r="T48" s="40"/>
      <c r="U48" s="40"/>
      <c r="V48" s="40"/>
    </row>
    <row r="49" spans="1:22" ht="12" thickBot="1"/>
    <row r="50" spans="1:22" ht="16.5" thickBot="1">
      <c r="A50" s="117" t="s">
        <v>58</v>
      </c>
      <c r="B50" s="118">
        <v>9.8500000000000004E-2</v>
      </c>
      <c r="C50" s="40"/>
      <c r="D50" s="40"/>
      <c r="E50" s="40"/>
      <c r="F50" s="40"/>
      <c r="G50" s="40"/>
      <c r="H50" s="40"/>
      <c r="I50" s="40"/>
      <c r="J50" s="40"/>
      <c r="K50" s="40"/>
      <c r="L50" s="40"/>
      <c r="M50" s="40"/>
      <c r="N50" s="40"/>
      <c r="O50" s="40"/>
      <c r="P50" s="40"/>
      <c r="Q50" s="40"/>
      <c r="R50" s="40"/>
      <c r="S50" s="40"/>
      <c r="T50" s="40"/>
      <c r="U50" s="40"/>
      <c r="V50" s="40"/>
    </row>
    <row r="51" spans="1:22">
      <c r="A51" s="40"/>
      <c r="B51" s="55"/>
      <c r="C51" s="40"/>
      <c r="D51" s="40"/>
      <c r="E51" s="40"/>
      <c r="F51" s="40"/>
      <c r="G51" s="40"/>
      <c r="H51" s="40"/>
      <c r="I51" s="40"/>
      <c r="J51" s="40"/>
      <c r="K51" s="40"/>
      <c r="L51" s="40"/>
      <c r="M51" s="56"/>
      <c r="N51" s="40"/>
      <c r="O51" s="40"/>
      <c r="P51" s="40"/>
      <c r="Q51" s="40"/>
      <c r="R51" s="40"/>
      <c r="S51" s="40"/>
      <c r="T51" s="40"/>
      <c r="U51" s="40"/>
      <c r="V51" s="40"/>
    </row>
    <row r="52" spans="1:22">
      <c r="A52" s="40"/>
      <c r="B52" s="55"/>
      <c r="C52" s="40"/>
      <c r="D52" s="40"/>
      <c r="E52" s="40"/>
      <c r="F52" s="40"/>
      <c r="G52" s="40"/>
      <c r="H52" s="40"/>
      <c r="I52" s="40"/>
      <c r="J52" s="40"/>
      <c r="K52" s="40"/>
      <c r="L52" s="40"/>
      <c r="M52" s="56"/>
      <c r="N52" s="40"/>
      <c r="O52" s="40"/>
      <c r="P52" s="40"/>
      <c r="Q52" s="40"/>
      <c r="R52" s="40"/>
      <c r="S52" s="40"/>
      <c r="T52" s="40"/>
      <c r="U52" s="40"/>
      <c r="V52" s="40"/>
    </row>
    <row r="53" spans="1:22">
      <c r="A53" s="40"/>
      <c r="B53" s="40"/>
      <c r="C53" s="40"/>
      <c r="D53" s="40"/>
      <c r="E53" s="40"/>
      <c r="F53" s="40"/>
      <c r="G53" s="40"/>
      <c r="H53" s="40"/>
      <c r="I53" s="40"/>
      <c r="J53" s="40"/>
      <c r="K53" s="40"/>
      <c r="L53" s="40"/>
      <c r="M53" s="40"/>
      <c r="N53" s="40"/>
      <c r="O53" s="40"/>
      <c r="P53" s="40"/>
      <c r="Q53" s="40"/>
      <c r="R53" s="40"/>
      <c r="S53" s="40"/>
      <c r="T53" s="40"/>
      <c r="U53" s="40"/>
      <c r="V53" s="40"/>
    </row>
    <row r="54" spans="1:22" ht="18">
      <c r="A54" s="116" t="s">
        <v>115</v>
      </c>
      <c r="B54" s="40"/>
      <c r="C54" s="40"/>
      <c r="D54" s="40"/>
      <c r="E54" s="40"/>
      <c r="F54" s="40"/>
      <c r="G54" s="40"/>
      <c r="H54" s="40"/>
      <c r="I54" s="40"/>
      <c r="J54" s="40"/>
      <c r="K54" s="40"/>
      <c r="L54" s="40"/>
      <c r="M54" s="40"/>
      <c r="N54" s="40"/>
      <c r="O54" s="40"/>
      <c r="P54" s="40"/>
      <c r="Q54" s="40"/>
      <c r="R54" s="40"/>
      <c r="S54" s="40"/>
      <c r="T54" s="40"/>
      <c r="U54" s="40"/>
      <c r="V54" s="40"/>
    </row>
    <row r="55" spans="1:22">
      <c r="A55" s="57" t="s">
        <v>84</v>
      </c>
      <c r="B55" s="58"/>
      <c r="C55" s="59">
        <v>1224180.656073133</v>
      </c>
      <c r="D55" s="60">
        <v>1254397.4818531331</v>
      </c>
      <c r="E55" s="60">
        <v>1279040.187293133</v>
      </c>
      <c r="F55" s="60">
        <v>1283521.3072931331</v>
      </c>
      <c r="G55" s="60">
        <v>1283521.3072931331</v>
      </c>
      <c r="H55" s="60">
        <v>59451.95355333334</v>
      </c>
      <c r="I55" s="60">
        <v>217863.44377333333</v>
      </c>
      <c r="J55" s="60">
        <v>381849.05433333333</v>
      </c>
      <c r="K55" s="60">
        <v>565996.25033333327</v>
      </c>
      <c r="L55" s="60">
        <v>776624.56633333326</v>
      </c>
      <c r="M55" s="60">
        <v>1924482.6311133332</v>
      </c>
      <c r="N55" s="60">
        <v>1766071.1408933334</v>
      </c>
      <c r="O55" s="60">
        <v>1602085.5303333332</v>
      </c>
      <c r="P55" s="60">
        <v>1417938.3343333332</v>
      </c>
      <c r="Q55" s="60">
        <v>1207310.0183333333</v>
      </c>
      <c r="R55" s="60">
        <v>59451.953553333333</v>
      </c>
      <c r="S55" s="60">
        <v>217863.44377333333</v>
      </c>
      <c r="T55" s="60">
        <v>381849.05433333333</v>
      </c>
      <c r="U55" s="60">
        <v>565996.25033333327</v>
      </c>
      <c r="V55" s="61">
        <v>754624.56633333326</v>
      </c>
    </row>
    <row r="56" spans="1:22">
      <c r="A56" s="62" t="s">
        <v>85</v>
      </c>
      <c r="B56" s="63"/>
      <c r="C56" s="65">
        <v>1194781.1849597997</v>
      </c>
      <c r="D56" s="65">
        <v>1194781.1849597997</v>
      </c>
      <c r="E56" s="65">
        <v>1194781.1849597997</v>
      </c>
      <c r="F56" s="65">
        <v>1194781.1849597997</v>
      </c>
      <c r="G56" s="65">
        <v>1194781.1849597997</v>
      </c>
      <c r="H56" s="65">
        <v>0</v>
      </c>
      <c r="I56" s="65">
        <v>188628.31599999999</v>
      </c>
      <c r="J56" s="65">
        <v>377256.63199999998</v>
      </c>
      <c r="K56" s="65">
        <v>565884.94799999997</v>
      </c>
      <c r="L56" s="65">
        <v>754513.26399999997</v>
      </c>
      <c r="M56" s="65">
        <v>1886283.16</v>
      </c>
      <c r="N56" s="65">
        <v>1697654.844</v>
      </c>
      <c r="O56" s="65">
        <v>1509026.5279999999</v>
      </c>
      <c r="P56" s="65">
        <v>1320398.2119999998</v>
      </c>
      <c r="Q56" s="65">
        <v>1131769.8959999999</v>
      </c>
      <c r="R56" s="65">
        <v>0</v>
      </c>
      <c r="S56" s="65">
        <v>188628.31599999999</v>
      </c>
      <c r="T56" s="65">
        <v>377256.63199999998</v>
      </c>
      <c r="U56" s="65">
        <v>565884.94799999997</v>
      </c>
      <c r="V56" s="66">
        <v>754513.26399999997</v>
      </c>
    </row>
    <row r="57" spans="1:22">
      <c r="A57" s="67" t="s">
        <v>86</v>
      </c>
      <c r="B57" s="40"/>
      <c r="C57" s="41">
        <v>111.30233333333334</v>
      </c>
      <c r="D57" s="41">
        <v>111.30233333333334</v>
      </c>
      <c r="E57" s="41">
        <v>111.30233333333334</v>
      </c>
      <c r="F57" s="41">
        <v>111.30233333333334</v>
      </c>
      <c r="G57" s="41">
        <v>111.30233333333334</v>
      </c>
      <c r="H57" s="41">
        <v>111.30233333333334</v>
      </c>
      <c r="I57" s="41">
        <v>111.30233333333334</v>
      </c>
      <c r="J57" s="41">
        <v>111.30233333333334</v>
      </c>
      <c r="K57" s="41">
        <v>111.30233333333334</v>
      </c>
      <c r="L57" s="41">
        <v>111.30233333333334</v>
      </c>
      <c r="M57" s="41">
        <v>111.30233333333334</v>
      </c>
      <c r="N57" s="41">
        <v>111.30233333333334</v>
      </c>
      <c r="O57" s="41">
        <v>111.30233333333334</v>
      </c>
      <c r="P57" s="41">
        <v>111.30233333333334</v>
      </c>
      <c r="Q57" s="41">
        <v>111.30233333333334</v>
      </c>
      <c r="R57" s="41">
        <v>111.30233333333334</v>
      </c>
      <c r="S57" s="41">
        <v>111.30233333333334</v>
      </c>
      <c r="T57" s="41">
        <v>111.30233333333334</v>
      </c>
      <c r="U57" s="41">
        <v>111.30233333333334</v>
      </c>
      <c r="V57" s="41">
        <v>111.30233333333334</v>
      </c>
    </row>
    <row r="58" spans="1:22">
      <c r="A58" s="70" t="s">
        <v>87</v>
      </c>
      <c r="B58" s="71"/>
      <c r="C58" s="73">
        <v>29288.16878</v>
      </c>
      <c r="D58" s="73">
        <v>59504.994560000006</v>
      </c>
      <c r="E58" s="73">
        <v>84147.700000000012</v>
      </c>
      <c r="F58" s="73">
        <v>88628.82</v>
      </c>
      <c r="G58" s="73">
        <v>88628.82</v>
      </c>
      <c r="H58" s="73">
        <v>59340.651220000007</v>
      </c>
      <c r="I58" s="73">
        <v>29123.825440000001</v>
      </c>
      <c r="J58" s="73">
        <v>4481.12</v>
      </c>
      <c r="K58" s="73">
        <v>0</v>
      </c>
      <c r="L58" s="73">
        <v>22000</v>
      </c>
      <c r="M58" s="73">
        <v>38088.16878</v>
      </c>
      <c r="N58" s="73">
        <v>68304.994560000006</v>
      </c>
      <c r="O58" s="73">
        <v>92947.700000000012</v>
      </c>
      <c r="P58" s="73">
        <v>97428.819999999992</v>
      </c>
      <c r="Q58" s="73">
        <v>75428.820000000007</v>
      </c>
      <c r="R58" s="73">
        <v>59340.65122</v>
      </c>
      <c r="S58" s="73">
        <v>29123.825440000001</v>
      </c>
      <c r="T58" s="73">
        <v>4481.12</v>
      </c>
      <c r="U58" s="73">
        <v>0</v>
      </c>
      <c r="V58" s="74">
        <v>0</v>
      </c>
    </row>
    <row r="88" spans="11:11" ht="12.75">
      <c r="K88" s="119" t="s">
        <v>135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11.xml><?xml version="1.0" encoding="utf-8"?>
<worksheet xmlns="http://schemas.openxmlformats.org/spreadsheetml/2006/main" xmlns:r="http://schemas.openxmlformats.org/officeDocument/2006/relationships">
  <sheetPr codeName="Plan17"/>
  <dimension ref="A1:V88"/>
  <sheetViews>
    <sheetView view="pageBreakPreview" topLeftCell="A43" zoomScale="80" zoomScaleNormal="100" zoomScaleSheetLayoutView="80" workbookViewId="0">
      <selection activeCell="K88" sqref="K88"/>
    </sheetView>
  </sheetViews>
  <sheetFormatPr defaultRowHeight="11.25"/>
  <cols>
    <col min="1" max="1" width="34.85546875" style="2" customWidth="1"/>
    <col min="2" max="2" width="11" style="2" bestFit="1" customWidth="1"/>
    <col min="3" max="3" width="11.42578125" style="2" bestFit="1" customWidth="1"/>
    <col min="4" max="22" width="10.5703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18">
      <c r="A1" s="93" t="s">
        <v>93</v>
      </c>
    </row>
    <row r="4" spans="1:22" ht="18">
      <c r="A4" s="93" t="s">
        <v>112</v>
      </c>
    </row>
    <row r="5" spans="1:22" ht="15.75">
      <c r="A5" s="105" t="s">
        <v>120</v>
      </c>
    </row>
    <row r="6" spans="1:22" ht="15.75">
      <c r="A6" s="105" t="s">
        <v>113</v>
      </c>
    </row>
    <row r="7" spans="1:22" ht="12.75">
      <c r="A7" s="106" t="s">
        <v>57</v>
      </c>
      <c r="B7" s="107"/>
      <c r="C7" s="108">
        <v>10</v>
      </c>
    </row>
    <row r="8" spans="1:22" ht="12.75">
      <c r="A8" s="109" t="s">
        <v>59</v>
      </c>
      <c r="B8" s="110"/>
      <c r="C8" s="122">
        <v>68433.523259842303</v>
      </c>
    </row>
    <row r="9" spans="1:22" ht="12.75">
      <c r="A9" s="112"/>
      <c r="B9" s="112"/>
      <c r="C9" s="113"/>
    </row>
    <row r="10" spans="1:22" ht="12.75">
      <c r="A10" s="106" t="s">
        <v>60</v>
      </c>
      <c r="B10" s="107"/>
      <c r="C10" s="114">
        <v>49389.300867193029</v>
      </c>
    </row>
    <row r="11" spans="1:22" ht="12.75">
      <c r="A11" s="106" t="s">
        <v>61</v>
      </c>
      <c r="B11" s="107"/>
      <c r="C11" s="114">
        <v>20057.8358238</v>
      </c>
    </row>
    <row r="12" spans="1:22" ht="12.75">
      <c r="A12" s="106" t="s">
        <v>62</v>
      </c>
      <c r="B12" s="107"/>
      <c r="C12" s="115">
        <v>29331.465043393033</v>
      </c>
    </row>
    <row r="13" spans="1:22" ht="12.75">
      <c r="A13" s="106" t="s">
        <v>63</v>
      </c>
      <c r="B13" s="107"/>
      <c r="C13" s="114">
        <v>26789.281516799998</v>
      </c>
    </row>
    <row r="14" spans="1:22">
      <c r="A14" s="40"/>
      <c r="B14" s="40"/>
      <c r="C14" s="41"/>
    </row>
    <row r="15" spans="1:22" ht="18">
      <c r="A15" s="116" t="s">
        <v>114</v>
      </c>
      <c r="C15" s="41"/>
      <c r="D15" s="28"/>
      <c r="V15" s="42" t="s">
        <v>64</v>
      </c>
    </row>
    <row r="16" spans="1:22">
      <c r="A16" s="43"/>
      <c r="B16" s="43" t="s">
        <v>3</v>
      </c>
      <c r="C16" s="43" t="s">
        <v>4</v>
      </c>
      <c r="D16" s="43" t="s">
        <v>5</v>
      </c>
      <c r="E16" s="43" t="s">
        <v>6</v>
      </c>
      <c r="F16" s="43" t="s">
        <v>7</v>
      </c>
      <c r="G16" s="43" t="s">
        <v>8</v>
      </c>
      <c r="H16" s="43" t="s">
        <v>9</v>
      </c>
      <c r="I16" s="43" t="s">
        <v>10</v>
      </c>
      <c r="J16" s="43" t="s">
        <v>11</v>
      </c>
      <c r="K16" s="43" t="s">
        <v>12</v>
      </c>
      <c r="L16" s="43" t="s">
        <v>13</v>
      </c>
      <c r="M16" s="43" t="s">
        <v>14</v>
      </c>
      <c r="N16" s="43" t="s">
        <v>15</v>
      </c>
      <c r="O16" s="43" t="s">
        <v>16</v>
      </c>
      <c r="P16" s="43" t="s">
        <v>17</v>
      </c>
      <c r="Q16" s="43" t="s">
        <v>18</v>
      </c>
      <c r="R16" s="43" t="s">
        <v>19</v>
      </c>
      <c r="S16" s="43" t="s">
        <v>20</v>
      </c>
      <c r="T16" s="43" t="s">
        <v>21</v>
      </c>
      <c r="U16" s="43" t="s">
        <v>22</v>
      </c>
      <c r="V16" s="43" t="s">
        <v>23</v>
      </c>
    </row>
    <row r="17" spans="1:22">
      <c r="A17" s="40" t="s">
        <v>65</v>
      </c>
      <c r="B17" s="40"/>
      <c r="C17" s="41">
        <v>8212022.7911810763</v>
      </c>
      <c r="D17" s="41">
        <v>8212022.7911810763</v>
      </c>
      <c r="E17" s="41">
        <v>8212022.7911810763</v>
      </c>
      <c r="F17" s="41">
        <v>8212022.7911810763</v>
      </c>
      <c r="G17" s="41">
        <v>8212022.7911810763</v>
      </c>
      <c r="H17" s="41">
        <v>8212022.7911810763</v>
      </c>
      <c r="I17" s="41">
        <v>8212022.7911810763</v>
      </c>
      <c r="J17" s="41">
        <v>8212022.7911810763</v>
      </c>
      <c r="K17" s="41">
        <v>8212022.7911810763</v>
      </c>
      <c r="L17" s="41">
        <v>8212022.7911810763</v>
      </c>
      <c r="M17" s="41">
        <v>8212022.7911810763</v>
      </c>
      <c r="N17" s="41">
        <v>8212022.7911810763</v>
      </c>
      <c r="O17" s="41">
        <v>8212022.7911810763</v>
      </c>
      <c r="P17" s="41">
        <v>8212022.7911810763</v>
      </c>
      <c r="Q17" s="41">
        <v>8212022.7911810763</v>
      </c>
      <c r="R17" s="41">
        <v>8212022.7911810763</v>
      </c>
      <c r="S17" s="41">
        <v>8212022.7911810763</v>
      </c>
      <c r="T17" s="41">
        <v>8212022.7911810763</v>
      </c>
      <c r="U17" s="41">
        <v>8212022.7911810763</v>
      </c>
      <c r="V17" s="41">
        <v>8212022.7911810763</v>
      </c>
    </row>
    <row r="18" spans="1:22">
      <c r="A18" s="44" t="s">
        <v>66</v>
      </c>
      <c r="B18" s="44"/>
      <c r="C18" s="45">
        <v>164240.45582362154</v>
      </c>
      <c r="D18" s="45">
        <v>164240.45582362154</v>
      </c>
      <c r="E18" s="45">
        <v>164240.45582362154</v>
      </c>
      <c r="F18" s="45">
        <v>164240.45582362154</v>
      </c>
      <c r="G18" s="45">
        <v>164240.45582362154</v>
      </c>
      <c r="H18" s="45">
        <v>164240.45582362154</v>
      </c>
      <c r="I18" s="45">
        <v>164240.45582362154</v>
      </c>
      <c r="J18" s="45">
        <v>164240.45582362154</v>
      </c>
      <c r="K18" s="45">
        <v>164240.45582362154</v>
      </c>
      <c r="L18" s="45">
        <v>164240.45582362154</v>
      </c>
      <c r="M18" s="45">
        <v>164240.45582362154</v>
      </c>
      <c r="N18" s="45">
        <v>164240.45582362154</v>
      </c>
      <c r="O18" s="45">
        <v>164240.45582362154</v>
      </c>
      <c r="P18" s="45">
        <v>164240.45582362154</v>
      </c>
      <c r="Q18" s="45">
        <v>164240.45582362154</v>
      </c>
      <c r="R18" s="45">
        <v>164240.45582362154</v>
      </c>
      <c r="S18" s="45">
        <v>164240.45582362154</v>
      </c>
      <c r="T18" s="45">
        <v>164240.45582362154</v>
      </c>
      <c r="U18" s="45">
        <v>164240.45582362154</v>
      </c>
      <c r="V18" s="45">
        <v>164240.45582362154</v>
      </c>
    </row>
    <row r="19" spans="1:22">
      <c r="A19" s="40" t="s">
        <v>67</v>
      </c>
      <c r="B19" s="40"/>
      <c r="C19" s="46">
        <v>8047782.3353574546</v>
      </c>
      <c r="D19" s="46">
        <v>8047782.3353574546</v>
      </c>
      <c r="E19" s="46">
        <v>8047782.3353574546</v>
      </c>
      <c r="F19" s="46">
        <v>8047782.3353574546</v>
      </c>
      <c r="G19" s="46">
        <v>8047782.3353574546</v>
      </c>
      <c r="H19" s="46">
        <v>8047782.3353574546</v>
      </c>
      <c r="I19" s="46">
        <v>8047782.3353574546</v>
      </c>
      <c r="J19" s="46">
        <v>8047782.3353574546</v>
      </c>
      <c r="K19" s="46">
        <v>8047782.3353574546</v>
      </c>
      <c r="L19" s="46">
        <v>8047782.3353574546</v>
      </c>
      <c r="M19" s="46">
        <v>8047782.3353574546</v>
      </c>
      <c r="N19" s="46">
        <v>8047782.3353574546</v>
      </c>
      <c r="O19" s="46">
        <v>8047782.3353574546</v>
      </c>
      <c r="P19" s="46">
        <v>8047782.3353574546</v>
      </c>
      <c r="Q19" s="46">
        <v>8047782.3353574546</v>
      </c>
      <c r="R19" s="46">
        <v>8047782.3353574546</v>
      </c>
      <c r="S19" s="46">
        <v>8047782.3353574546</v>
      </c>
      <c r="T19" s="46">
        <v>8047782.3353574546</v>
      </c>
      <c r="U19" s="46">
        <v>8047782.3353574546</v>
      </c>
      <c r="V19" s="46">
        <v>8047782.3353574546</v>
      </c>
    </row>
    <row r="20" spans="1:22">
      <c r="A20" s="40"/>
      <c r="B20" s="40"/>
      <c r="C20" s="40"/>
      <c r="D20" s="40"/>
      <c r="E20" s="40"/>
      <c r="F20" s="40"/>
      <c r="G20" s="40"/>
      <c r="H20" s="40"/>
      <c r="I20" s="40"/>
      <c r="J20" s="40"/>
      <c r="K20" s="40"/>
      <c r="L20" s="40"/>
      <c r="M20" s="40"/>
      <c r="N20" s="40"/>
      <c r="O20" s="40"/>
      <c r="P20" s="40"/>
      <c r="Q20" s="40"/>
      <c r="R20" s="40"/>
      <c r="S20" s="40"/>
      <c r="T20" s="40"/>
      <c r="U20" s="40"/>
      <c r="V20" s="40"/>
    </row>
    <row r="21" spans="1:22">
      <c r="A21" s="44" t="s">
        <v>68</v>
      </c>
      <c r="B21" s="44"/>
      <c r="C21" s="45">
        <v>6205212.1192311635</v>
      </c>
      <c r="D21" s="45">
        <v>6205212.1192311635</v>
      </c>
      <c r="E21" s="45">
        <v>6205212.1192311635</v>
      </c>
      <c r="F21" s="45">
        <v>6212614.9192311633</v>
      </c>
      <c r="G21" s="45">
        <v>6212614.9192311633</v>
      </c>
      <c r="H21" s="45">
        <v>6212614.9192311633</v>
      </c>
      <c r="I21" s="45">
        <v>6212614.9192311633</v>
      </c>
      <c r="J21" s="45">
        <v>6212614.9192311633</v>
      </c>
      <c r="K21" s="45">
        <v>6212614.9192311633</v>
      </c>
      <c r="L21" s="45">
        <v>6212614.9192311633</v>
      </c>
      <c r="M21" s="47">
        <v>6205212.1192311635</v>
      </c>
      <c r="N21" s="47">
        <v>6205212.1192311635</v>
      </c>
      <c r="O21" s="47">
        <v>6205212.1192311635</v>
      </c>
      <c r="P21" s="47">
        <v>6212614.9192311633</v>
      </c>
      <c r="Q21" s="47">
        <v>6212614.9192311633</v>
      </c>
      <c r="R21" s="47">
        <v>6212614.9192311633</v>
      </c>
      <c r="S21" s="47">
        <v>6212614.9192311633</v>
      </c>
      <c r="T21" s="47">
        <v>6212614.9192311633</v>
      </c>
      <c r="U21" s="47">
        <v>6212614.9192311633</v>
      </c>
      <c r="V21" s="47">
        <v>6212614.9192311633</v>
      </c>
    </row>
    <row r="22" spans="1:22">
      <c r="A22" s="40"/>
      <c r="B22" s="40"/>
      <c r="C22" s="40"/>
      <c r="D22" s="40"/>
      <c r="E22" s="40"/>
      <c r="F22" s="40"/>
      <c r="G22" s="40"/>
      <c r="H22" s="40"/>
      <c r="I22" s="40"/>
      <c r="J22" s="40"/>
      <c r="K22" s="40"/>
      <c r="L22" s="40"/>
      <c r="M22" s="40"/>
      <c r="N22" s="40"/>
      <c r="O22" s="40"/>
      <c r="P22" s="40"/>
      <c r="Q22" s="40"/>
      <c r="R22" s="40"/>
      <c r="S22" s="40"/>
      <c r="T22" s="40"/>
      <c r="U22" s="40"/>
      <c r="V22" s="40"/>
    </row>
    <row r="23" spans="1:22">
      <c r="A23" s="40" t="s">
        <v>69</v>
      </c>
      <c r="B23" s="40"/>
      <c r="C23" s="41">
        <v>1268663.8151242333</v>
      </c>
      <c r="D23" s="41">
        <v>1298880.6409042333</v>
      </c>
      <c r="E23" s="41">
        <v>1323523.3463442333</v>
      </c>
      <c r="F23" s="41">
        <v>1328004.4663442334</v>
      </c>
      <c r="G23" s="41">
        <v>1328004.4663442334</v>
      </c>
      <c r="H23" s="41">
        <v>59451.95355333334</v>
      </c>
      <c r="I23" s="41">
        <v>224886.30577333336</v>
      </c>
      <c r="J23" s="41">
        <v>395894.77833333338</v>
      </c>
      <c r="K23" s="41">
        <v>587064.83633333328</v>
      </c>
      <c r="L23" s="41">
        <v>804716.01433333335</v>
      </c>
      <c r="M23" s="41">
        <v>1994711.2511133333</v>
      </c>
      <c r="N23" s="41">
        <v>1829276.8988933333</v>
      </c>
      <c r="O23" s="41">
        <v>1658268.4263333334</v>
      </c>
      <c r="P23" s="41">
        <v>1467098.3683333334</v>
      </c>
      <c r="Q23" s="41">
        <v>1249447.1903333333</v>
      </c>
      <c r="R23" s="41">
        <v>59451.953553333333</v>
      </c>
      <c r="S23" s="41">
        <v>224886.30577333336</v>
      </c>
      <c r="T23" s="41">
        <v>395894.77833333338</v>
      </c>
      <c r="U23" s="41">
        <v>587064.83633333328</v>
      </c>
      <c r="V23" s="41">
        <v>782716.01433333335</v>
      </c>
    </row>
    <row r="24" spans="1:22">
      <c r="A24" s="40"/>
      <c r="B24" s="40"/>
      <c r="C24" s="40"/>
      <c r="D24" s="40"/>
      <c r="E24" s="40"/>
      <c r="F24" s="40"/>
      <c r="G24" s="40"/>
      <c r="H24" s="40"/>
      <c r="I24" s="40"/>
      <c r="J24" s="40"/>
      <c r="K24" s="40"/>
      <c r="L24" s="40"/>
      <c r="M24" s="40"/>
      <c r="N24" s="40"/>
      <c r="O24" s="40"/>
      <c r="P24" s="40"/>
      <c r="Q24" s="40"/>
      <c r="R24" s="40"/>
      <c r="S24" s="40"/>
      <c r="T24" s="40"/>
      <c r="U24" s="40"/>
      <c r="V24" s="40"/>
    </row>
    <row r="25" spans="1:22">
      <c r="A25" s="44" t="s">
        <v>70</v>
      </c>
      <c r="B25" s="44"/>
      <c r="C25" s="47">
        <v>573906.40100205783</v>
      </c>
      <c r="D25" s="47">
        <v>543689.57522205776</v>
      </c>
      <c r="E25" s="47">
        <v>519046.86978205782</v>
      </c>
      <c r="F25" s="47">
        <v>507162.9497820579</v>
      </c>
      <c r="G25" s="47">
        <v>507162.9497820579</v>
      </c>
      <c r="H25" s="47">
        <v>1775715.4625729579</v>
      </c>
      <c r="I25" s="47">
        <v>1610281.1103529579</v>
      </c>
      <c r="J25" s="47">
        <v>1439272.6377929579</v>
      </c>
      <c r="K25" s="47">
        <v>1248102.579792958</v>
      </c>
      <c r="L25" s="47">
        <v>1030451.4017929579</v>
      </c>
      <c r="M25" s="47">
        <v>-152141.03498704219</v>
      </c>
      <c r="N25" s="47">
        <v>13293.317232957808</v>
      </c>
      <c r="O25" s="47">
        <v>184301.78979295772</v>
      </c>
      <c r="P25" s="47">
        <v>368069.04779295786</v>
      </c>
      <c r="Q25" s="47">
        <v>585720.22579295794</v>
      </c>
      <c r="R25" s="47">
        <v>1775715.4625729579</v>
      </c>
      <c r="S25" s="47">
        <v>1610281.1103529579</v>
      </c>
      <c r="T25" s="47">
        <v>1439272.6377929579</v>
      </c>
      <c r="U25" s="47">
        <v>1248102.579792958</v>
      </c>
      <c r="V25" s="47">
        <v>1052451.4017929579</v>
      </c>
    </row>
    <row r="26" spans="1:22">
      <c r="A26" s="40"/>
      <c r="B26" s="40"/>
      <c r="C26" s="40"/>
      <c r="D26" s="40"/>
      <c r="E26" s="40"/>
      <c r="F26" s="40"/>
      <c r="G26" s="40"/>
      <c r="H26" s="40"/>
      <c r="I26" s="40"/>
      <c r="J26" s="40"/>
      <c r="K26" s="40"/>
      <c r="L26" s="40"/>
      <c r="M26" s="40"/>
      <c r="N26" s="40"/>
      <c r="O26" s="40"/>
      <c r="P26" s="40"/>
      <c r="Q26" s="40"/>
      <c r="R26" s="40"/>
      <c r="S26" s="40"/>
      <c r="T26" s="40"/>
      <c r="U26" s="40"/>
      <c r="V26" s="40"/>
    </row>
    <row r="27" spans="1:22">
      <c r="A27" s="40" t="s">
        <v>71</v>
      </c>
      <c r="B27" s="40"/>
      <c r="C27" s="41">
        <v>195128.17634069966</v>
      </c>
      <c r="D27" s="41">
        <v>184854.45557549965</v>
      </c>
      <c r="E27" s="41">
        <v>176475.93572589968</v>
      </c>
      <c r="F27" s="41">
        <v>172435.40292589969</v>
      </c>
      <c r="G27" s="41">
        <v>172435.40292589969</v>
      </c>
      <c r="H27" s="41">
        <v>603743.25727480568</v>
      </c>
      <c r="I27" s="41">
        <v>547495.57752000575</v>
      </c>
      <c r="J27" s="41">
        <v>489352.69684960571</v>
      </c>
      <c r="K27" s="41">
        <v>424354.87712960574</v>
      </c>
      <c r="L27" s="41">
        <v>350353.47660960571</v>
      </c>
      <c r="M27" s="41">
        <v>0</v>
      </c>
      <c r="N27" s="41">
        <v>4519.7278592056555</v>
      </c>
      <c r="O27" s="41">
        <v>62662.608529605626</v>
      </c>
      <c r="P27" s="41">
        <v>125143.47624960568</v>
      </c>
      <c r="Q27" s="41">
        <v>199144.8767696057</v>
      </c>
      <c r="R27" s="41">
        <v>603743.25727480568</v>
      </c>
      <c r="S27" s="41">
        <v>547495.57752000575</v>
      </c>
      <c r="T27" s="41">
        <v>489352.69684960571</v>
      </c>
      <c r="U27" s="41">
        <v>424354.87712960574</v>
      </c>
      <c r="V27" s="41">
        <v>357833.47660960571</v>
      </c>
    </row>
    <row r="28" spans="1:22">
      <c r="A28" s="40"/>
      <c r="B28" s="40"/>
      <c r="C28" s="40"/>
      <c r="D28" s="40"/>
      <c r="E28" s="40"/>
      <c r="F28" s="40"/>
      <c r="G28" s="40"/>
      <c r="H28" s="40"/>
      <c r="I28" s="40"/>
      <c r="J28" s="40"/>
      <c r="K28" s="40"/>
      <c r="L28" s="40"/>
      <c r="M28" s="40"/>
      <c r="N28" s="40"/>
      <c r="O28" s="40"/>
      <c r="P28" s="40"/>
      <c r="Q28" s="40"/>
      <c r="R28" s="40"/>
      <c r="S28" s="40"/>
      <c r="T28" s="40"/>
      <c r="U28" s="40"/>
      <c r="V28" s="40"/>
    </row>
    <row r="29" spans="1:22">
      <c r="A29" s="44" t="s">
        <v>72</v>
      </c>
      <c r="B29" s="44"/>
      <c r="C29" s="47">
        <v>378778.22466135817</v>
      </c>
      <c r="D29" s="47">
        <v>358835.11964655807</v>
      </c>
      <c r="E29" s="47">
        <v>342570.93405615818</v>
      </c>
      <c r="F29" s="47">
        <v>334727.54685615818</v>
      </c>
      <c r="G29" s="47">
        <v>334727.54685615818</v>
      </c>
      <c r="H29" s="47">
        <v>1171972.2052981523</v>
      </c>
      <c r="I29" s="47">
        <v>1062785.5328329522</v>
      </c>
      <c r="J29" s="47">
        <v>949919.94094335218</v>
      </c>
      <c r="K29" s="47">
        <v>823747.70266335225</v>
      </c>
      <c r="L29" s="47">
        <v>680097.9251833522</v>
      </c>
      <c r="M29" s="47">
        <v>-152141.03498704219</v>
      </c>
      <c r="N29" s="47">
        <v>8773.5893737521528</v>
      </c>
      <c r="O29" s="47">
        <v>121639.18126335209</v>
      </c>
      <c r="P29" s="47">
        <v>242925.57154335218</v>
      </c>
      <c r="Q29" s="47">
        <v>386575.34902335226</v>
      </c>
      <c r="R29" s="47">
        <v>1171972.2052981523</v>
      </c>
      <c r="S29" s="47">
        <v>1062785.5328329522</v>
      </c>
      <c r="T29" s="47">
        <v>949919.94094335218</v>
      </c>
      <c r="U29" s="47">
        <v>823747.70266335225</v>
      </c>
      <c r="V29" s="47">
        <v>694617.9251833522</v>
      </c>
    </row>
    <row r="30" spans="1:22">
      <c r="A30" s="40"/>
      <c r="B30" s="40"/>
      <c r="C30" s="40"/>
      <c r="D30" s="40"/>
      <c r="E30" s="40"/>
      <c r="F30" s="40"/>
      <c r="G30" s="40"/>
      <c r="H30" s="40"/>
      <c r="I30" s="40"/>
      <c r="J30" s="40"/>
      <c r="K30" s="40"/>
      <c r="L30" s="40"/>
      <c r="M30" s="40"/>
      <c r="N30" s="40"/>
      <c r="O30" s="40"/>
      <c r="P30" s="40"/>
      <c r="Q30" s="40"/>
      <c r="R30" s="40"/>
      <c r="S30" s="40"/>
      <c r="T30" s="40"/>
      <c r="U30" s="40"/>
      <c r="V30" s="40"/>
    </row>
    <row r="31" spans="1:22">
      <c r="A31" s="40" t="s">
        <v>73</v>
      </c>
      <c r="B31" s="40"/>
      <c r="C31" s="41">
        <v>1268663.8151242333</v>
      </c>
      <c r="D31" s="41">
        <v>1298880.6409042333</v>
      </c>
      <c r="E31" s="41">
        <v>1323523.3463442333</v>
      </c>
      <c r="F31" s="41">
        <v>1328004.4663442334</v>
      </c>
      <c r="G31" s="41">
        <v>1328004.4663442334</v>
      </c>
      <c r="H31" s="41">
        <v>59451.95355333334</v>
      </c>
      <c r="I31" s="41">
        <v>224886.30577333336</v>
      </c>
      <c r="J31" s="41">
        <v>395894.77833333338</v>
      </c>
      <c r="K31" s="41">
        <v>587064.83633333328</v>
      </c>
      <c r="L31" s="41">
        <v>804716.01433333335</v>
      </c>
      <c r="M31" s="41">
        <v>1994711.2511133333</v>
      </c>
      <c r="N31" s="41">
        <v>1829276.8988933333</v>
      </c>
      <c r="O31" s="41">
        <v>1658268.4263333334</v>
      </c>
      <c r="P31" s="41">
        <v>1467098.3683333334</v>
      </c>
      <c r="Q31" s="41">
        <v>1249447.1903333333</v>
      </c>
      <c r="R31" s="41">
        <v>59451.953553333333</v>
      </c>
      <c r="S31" s="41">
        <v>224886.30577333336</v>
      </c>
      <c r="T31" s="41">
        <v>395894.77833333338</v>
      </c>
      <c r="U31" s="41">
        <v>587064.83633333328</v>
      </c>
      <c r="V31" s="41">
        <v>782716.01433333335</v>
      </c>
    </row>
    <row r="32" spans="1:22">
      <c r="A32" s="40"/>
      <c r="B32" s="40"/>
      <c r="C32" s="40"/>
      <c r="D32" s="40"/>
      <c r="E32" s="40"/>
      <c r="F32" s="40"/>
      <c r="G32" s="40"/>
      <c r="H32" s="40"/>
      <c r="I32" s="40"/>
      <c r="J32" s="40"/>
      <c r="K32" s="40"/>
      <c r="L32" s="40"/>
      <c r="M32" s="40"/>
      <c r="N32" s="40"/>
      <c r="O32" s="40"/>
      <c r="P32" s="40"/>
      <c r="Q32" s="40"/>
      <c r="R32" s="40"/>
      <c r="S32" s="40"/>
      <c r="T32" s="40"/>
      <c r="U32" s="40"/>
      <c r="V32" s="40"/>
    </row>
    <row r="33" spans="1:22">
      <c r="A33" s="44" t="s">
        <v>74</v>
      </c>
      <c r="B33" s="44"/>
      <c r="C33" s="47">
        <v>1647442.0397855914</v>
      </c>
      <c r="D33" s="47">
        <v>1657715.7605507914</v>
      </c>
      <c r="E33" s="47">
        <v>1666094.2804003914</v>
      </c>
      <c r="F33" s="47">
        <v>1662732.0132003915</v>
      </c>
      <c r="G33" s="47">
        <v>1662732.0132003915</v>
      </c>
      <c r="H33" s="47">
        <v>1231424.1588514857</v>
      </c>
      <c r="I33" s="47">
        <v>1287671.8386062856</v>
      </c>
      <c r="J33" s="47">
        <v>1345814.7192766855</v>
      </c>
      <c r="K33" s="47">
        <v>1410812.5389966855</v>
      </c>
      <c r="L33" s="47">
        <v>1484813.9395166854</v>
      </c>
      <c r="M33" s="47">
        <v>1842570.2161262911</v>
      </c>
      <c r="N33" s="47">
        <v>1838050.4882670855</v>
      </c>
      <c r="O33" s="47">
        <v>1779907.6075966854</v>
      </c>
      <c r="P33" s="47">
        <v>1710023.9398766856</v>
      </c>
      <c r="Q33" s="47">
        <v>1636022.5393566857</v>
      </c>
      <c r="R33" s="47">
        <v>1231424.1588514857</v>
      </c>
      <c r="S33" s="47">
        <v>1287671.8386062856</v>
      </c>
      <c r="T33" s="47">
        <v>1345814.7192766855</v>
      </c>
      <c r="U33" s="47">
        <v>1410812.5389966855</v>
      </c>
      <c r="V33" s="47">
        <v>1477333.9395166854</v>
      </c>
    </row>
    <row r="34" spans="1:22">
      <c r="A34" s="40"/>
      <c r="B34" s="40"/>
      <c r="C34" s="40"/>
      <c r="D34" s="40"/>
      <c r="E34" s="40"/>
      <c r="F34" s="40"/>
      <c r="G34" s="40"/>
      <c r="H34" s="40"/>
      <c r="I34" s="40"/>
      <c r="J34" s="40"/>
      <c r="K34" s="40"/>
      <c r="L34" s="40"/>
      <c r="M34" s="40"/>
      <c r="N34" s="40"/>
      <c r="O34" s="40"/>
      <c r="P34" s="40"/>
      <c r="Q34" s="40"/>
      <c r="R34" s="40"/>
      <c r="S34" s="40"/>
      <c r="T34" s="40"/>
      <c r="U34" s="40"/>
      <c r="V34" s="40"/>
    </row>
    <row r="35" spans="1:22">
      <c r="A35" s="40" t="s">
        <v>75</v>
      </c>
      <c r="B35" s="46">
        <v>8417535.2991488911</v>
      </c>
      <c r="C35" s="46">
        <v>80440.843899999993</v>
      </c>
      <c r="D35" s="46">
        <v>151084.12890000001</v>
      </c>
      <c r="E35" s="46">
        <v>123213.52720000001</v>
      </c>
      <c r="F35" s="46">
        <v>22405.599999999999</v>
      </c>
      <c r="G35" s="46">
        <v>0</v>
      </c>
      <c r="H35" s="46">
        <v>978255.89</v>
      </c>
      <c r="I35" s="46">
        <v>978255.89</v>
      </c>
      <c r="J35" s="46">
        <v>978255.89</v>
      </c>
      <c r="K35" s="46">
        <v>978255.89</v>
      </c>
      <c r="L35" s="46">
        <v>5979535.3399999999</v>
      </c>
      <c r="M35" s="46">
        <v>80440.843899999993</v>
      </c>
      <c r="N35" s="46">
        <v>151084.12890000001</v>
      </c>
      <c r="O35" s="46">
        <v>123213.52720000001</v>
      </c>
      <c r="P35" s="46">
        <v>22405.599999999999</v>
      </c>
      <c r="Q35" s="46">
        <v>0</v>
      </c>
      <c r="R35" s="46">
        <v>978255.89</v>
      </c>
      <c r="S35" s="46">
        <v>978255.89</v>
      </c>
      <c r="T35" s="46">
        <v>978255.89</v>
      </c>
      <c r="U35" s="46">
        <v>978255.89</v>
      </c>
      <c r="V35" s="46">
        <v>-85002.905742892646</v>
      </c>
    </row>
    <row r="36" spans="1:22">
      <c r="A36" s="48" t="s">
        <v>76</v>
      </c>
      <c r="B36" s="47">
        <v>8261762.2934059994</v>
      </c>
      <c r="C36" s="47">
        <v>0</v>
      </c>
      <c r="D36" s="47">
        <v>0</v>
      </c>
      <c r="E36" s="47">
        <v>0</v>
      </c>
      <c r="F36" s="47">
        <v>0</v>
      </c>
      <c r="G36" s="47">
        <v>0</v>
      </c>
      <c r="H36" s="47">
        <v>978255.89</v>
      </c>
      <c r="I36" s="47">
        <v>978255.89</v>
      </c>
      <c r="J36" s="47">
        <v>978255.89</v>
      </c>
      <c r="K36" s="47">
        <v>978255.89</v>
      </c>
      <c r="L36" s="47">
        <v>5869535.3399999999</v>
      </c>
      <c r="M36" s="47">
        <v>0</v>
      </c>
      <c r="N36" s="47">
        <v>0</v>
      </c>
      <c r="O36" s="47">
        <v>0</v>
      </c>
      <c r="P36" s="47">
        <v>0</v>
      </c>
      <c r="Q36" s="47">
        <v>0</v>
      </c>
      <c r="R36" s="47">
        <v>978255.89</v>
      </c>
      <c r="S36" s="47">
        <v>978255.89</v>
      </c>
      <c r="T36" s="47">
        <v>978255.89</v>
      </c>
      <c r="U36" s="47">
        <v>978255.89</v>
      </c>
      <c r="V36" s="47">
        <v>0</v>
      </c>
    </row>
    <row r="37" spans="1:22">
      <c r="A37" s="49" t="s">
        <v>77</v>
      </c>
      <c r="B37" s="41">
        <v>66000</v>
      </c>
      <c r="C37" s="41">
        <v>80440.843899999993</v>
      </c>
      <c r="D37" s="41">
        <v>151084.12890000001</v>
      </c>
      <c r="E37" s="41">
        <v>123213.52720000001</v>
      </c>
      <c r="F37" s="41">
        <v>22405.599999999999</v>
      </c>
      <c r="G37" s="41">
        <v>0</v>
      </c>
      <c r="H37" s="41">
        <v>0</v>
      </c>
      <c r="I37" s="41">
        <v>0</v>
      </c>
      <c r="J37" s="41">
        <v>0</v>
      </c>
      <c r="K37" s="41">
        <v>0</v>
      </c>
      <c r="L37" s="41">
        <v>110000</v>
      </c>
      <c r="M37" s="41">
        <v>80440.843899999993</v>
      </c>
      <c r="N37" s="41">
        <v>151084.12890000001</v>
      </c>
      <c r="O37" s="41">
        <v>123213.52720000001</v>
      </c>
      <c r="P37" s="41">
        <v>22405.599999999999</v>
      </c>
      <c r="Q37" s="41">
        <v>0</v>
      </c>
      <c r="R37" s="41">
        <v>0</v>
      </c>
      <c r="S37" s="41">
        <v>0</v>
      </c>
      <c r="T37" s="41">
        <v>0</v>
      </c>
      <c r="U37" s="41">
        <v>0</v>
      </c>
      <c r="V37" s="41">
        <v>0</v>
      </c>
    </row>
    <row r="38" spans="1:22">
      <c r="A38" s="48" t="s">
        <v>78</v>
      </c>
      <c r="B38" s="50">
        <v>4770.1000000000004</v>
      </c>
      <c r="C38" s="44">
        <v>0</v>
      </c>
      <c r="D38" s="44">
        <v>0</v>
      </c>
      <c r="E38" s="44">
        <v>0</v>
      </c>
      <c r="F38" s="44">
        <v>0</v>
      </c>
      <c r="G38" s="44">
        <v>0</v>
      </c>
      <c r="H38" s="44">
        <v>0</v>
      </c>
      <c r="I38" s="44">
        <v>0</v>
      </c>
      <c r="J38" s="44">
        <v>0</v>
      </c>
      <c r="K38" s="44">
        <v>0</v>
      </c>
      <c r="L38" s="44">
        <v>0</v>
      </c>
      <c r="M38" s="44"/>
      <c r="N38" s="44"/>
      <c r="O38" s="44"/>
      <c r="P38" s="44"/>
      <c r="Q38" s="44"/>
      <c r="R38" s="44"/>
      <c r="S38" s="44"/>
      <c r="T38" s="44"/>
      <c r="U38" s="44"/>
      <c r="V38" s="44"/>
    </row>
    <row r="39" spans="1:22">
      <c r="A39" s="49" t="s">
        <v>79</v>
      </c>
      <c r="B39" s="41">
        <v>85002.905742892646</v>
      </c>
      <c r="C39" s="40">
        <v>0</v>
      </c>
      <c r="D39" s="40">
        <v>0</v>
      </c>
      <c r="E39" s="40">
        <v>0</v>
      </c>
      <c r="F39" s="40">
        <v>0</v>
      </c>
      <c r="G39" s="40">
        <v>0</v>
      </c>
      <c r="H39" s="40">
        <v>0</v>
      </c>
      <c r="I39" s="40">
        <v>0</v>
      </c>
      <c r="J39" s="40">
        <v>0</v>
      </c>
      <c r="K39" s="40">
        <v>0</v>
      </c>
      <c r="L39" s="46">
        <v>0</v>
      </c>
      <c r="M39" s="46">
        <v>0</v>
      </c>
      <c r="N39" s="46">
        <v>0</v>
      </c>
      <c r="O39" s="46">
        <v>0</v>
      </c>
      <c r="P39" s="46">
        <v>0</v>
      </c>
      <c r="Q39" s="46">
        <v>0</v>
      </c>
      <c r="R39" s="46">
        <v>0</v>
      </c>
      <c r="S39" s="46">
        <v>0</v>
      </c>
      <c r="T39" s="46">
        <v>0</v>
      </c>
      <c r="U39" s="46">
        <v>0</v>
      </c>
      <c r="V39" s="46">
        <v>-85002.905742892646</v>
      </c>
    </row>
    <row r="40" spans="1:22">
      <c r="A40" s="40"/>
      <c r="B40" s="40"/>
      <c r="C40" s="40"/>
      <c r="D40" s="40"/>
      <c r="E40" s="40"/>
      <c r="F40" s="40"/>
      <c r="G40" s="40"/>
      <c r="H40" s="40"/>
      <c r="I40" s="40"/>
      <c r="J40" s="40"/>
      <c r="K40" s="40"/>
      <c r="L40" s="40"/>
      <c r="M40" s="40"/>
      <c r="N40" s="40"/>
      <c r="O40" s="40"/>
      <c r="P40" s="40"/>
      <c r="Q40" s="40"/>
      <c r="R40" s="40"/>
      <c r="S40" s="40"/>
      <c r="T40" s="40"/>
      <c r="U40" s="40"/>
      <c r="V40" s="40"/>
    </row>
    <row r="41" spans="1:22">
      <c r="A41" s="44" t="s">
        <v>80</v>
      </c>
      <c r="B41" s="45">
        <v>0</v>
      </c>
      <c r="C41" s="45">
        <v>0</v>
      </c>
      <c r="D41" s="45">
        <v>0</v>
      </c>
      <c r="E41" s="45">
        <v>0</v>
      </c>
      <c r="F41" s="45">
        <v>0</v>
      </c>
      <c r="G41" s="45">
        <v>0</v>
      </c>
      <c r="H41" s="45">
        <v>41575.875325000001</v>
      </c>
      <c r="I41" s="45">
        <v>41575.875325000001</v>
      </c>
      <c r="J41" s="45">
        <v>41575.875325000001</v>
      </c>
      <c r="K41" s="45">
        <v>41575.875325000001</v>
      </c>
      <c r="L41" s="45">
        <v>249455.25195000003</v>
      </c>
      <c r="M41" s="45">
        <v>0</v>
      </c>
      <c r="N41" s="45">
        <v>0</v>
      </c>
      <c r="O41" s="45">
        <v>0</v>
      </c>
      <c r="P41" s="45">
        <v>0</v>
      </c>
      <c r="Q41" s="45">
        <v>0</v>
      </c>
      <c r="R41" s="45">
        <v>41575.875325000001</v>
      </c>
      <c r="S41" s="45">
        <v>41575.875325000001</v>
      </c>
      <c r="T41" s="45">
        <v>41575.875325000001</v>
      </c>
      <c r="U41" s="45">
        <v>41575.875325000001</v>
      </c>
      <c r="V41" s="45">
        <v>1854499.8438101332</v>
      </c>
    </row>
    <row r="42" spans="1:22">
      <c r="A42" s="40" t="s">
        <v>81</v>
      </c>
      <c r="B42" s="40"/>
      <c r="C42" s="46">
        <v>0</v>
      </c>
      <c r="D42" s="46">
        <v>0</v>
      </c>
      <c r="E42" s="46">
        <v>0</v>
      </c>
      <c r="F42" s="46">
        <v>0</v>
      </c>
      <c r="G42" s="46">
        <v>0</v>
      </c>
      <c r="H42" s="46">
        <v>41575.875325000001</v>
      </c>
      <c r="I42" s="46">
        <v>41575.875325000001</v>
      </c>
      <c r="J42" s="46">
        <v>41575.875325000001</v>
      </c>
      <c r="K42" s="46">
        <v>41575.875325000001</v>
      </c>
      <c r="L42" s="46">
        <v>249455.25195000003</v>
      </c>
      <c r="M42" s="46">
        <v>0</v>
      </c>
      <c r="N42" s="46">
        <v>0</v>
      </c>
      <c r="O42" s="46">
        <v>0</v>
      </c>
      <c r="P42" s="46">
        <v>0</v>
      </c>
      <c r="Q42" s="46">
        <v>0</v>
      </c>
      <c r="R42" s="46">
        <v>41575.875325000001</v>
      </c>
      <c r="S42" s="46">
        <v>41575.875325000001</v>
      </c>
      <c r="T42" s="46">
        <v>41575.875325000001</v>
      </c>
      <c r="U42" s="46">
        <v>41575.875325000001</v>
      </c>
      <c r="V42" s="46">
        <v>1851955.7904767999</v>
      </c>
    </row>
    <row r="43" spans="1:22">
      <c r="A43" s="44" t="s">
        <v>82</v>
      </c>
      <c r="B43" s="44"/>
      <c r="C43" s="44">
        <v>0</v>
      </c>
      <c r="D43" s="44">
        <v>0</v>
      </c>
      <c r="E43" s="44">
        <v>0</v>
      </c>
      <c r="F43" s="44">
        <v>0</v>
      </c>
      <c r="G43" s="44">
        <v>0</v>
      </c>
      <c r="H43" s="44">
        <v>0</v>
      </c>
      <c r="I43" s="44">
        <v>0</v>
      </c>
      <c r="J43" s="44">
        <v>0</v>
      </c>
      <c r="K43" s="44">
        <v>0</v>
      </c>
      <c r="L43" s="44">
        <v>0</v>
      </c>
      <c r="M43" s="44">
        <v>0</v>
      </c>
      <c r="N43" s="44">
        <v>0</v>
      </c>
      <c r="O43" s="44">
        <v>0</v>
      </c>
      <c r="P43" s="44">
        <v>0</v>
      </c>
      <c r="Q43" s="44">
        <v>0</v>
      </c>
      <c r="R43" s="44">
        <v>0</v>
      </c>
      <c r="S43" s="44">
        <v>0</v>
      </c>
      <c r="T43" s="44">
        <v>0</v>
      </c>
      <c r="U43" s="44">
        <v>0</v>
      </c>
      <c r="V43" s="44">
        <v>2544.0533333333337</v>
      </c>
    </row>
    <row r="44" spans="1:22">
      <c r="A44" s="40"/>
      <c r="B44" s="40"/>
      <c r="C44" s="40"/>
      <c r="D44" s="40"/>
      <c r="E44" s="40"/>
      <c r="F44" s="40"/>
      <c r="G44" s="40"/>
      <c r="H44" s="40"/>
      <c r="I44" s="40"/>
      <c r="J44" s="40"/>
      <c r="K44" s="40"/>
      <c r="L44" s="40"/>
      <c r="M44" s="40"/>
      <c r="N44" s="40"/>
      <c r="O44" s="40"/>
      <c r="P44" s="40"/>
      <c r="Q44" s="40"/>
      <c r="R44" s="40"/>
      <c r="S44" s="40"/>
      <c r="T44" s="40"/>
      <c r="U44" s="40"/>
      <c r="V44" s="40"/>
    </row>
    <row r="45" spans="1:22">
      <c r="A45" s="52" t="s">
        <v>83</v>
      </c>
      <c r="B45" s="53">
        <v>-8417535.2991488911</v>
      </c>
      <c r="C45" s="53">
        <v>1567001.1958855914</v>
      </c>
      <c r="D45" s="53">
        <v>1506631.6316507915</v>
      </c>
      <c r="E45" s="53">
        <v>1542880.7532003913</v>
      </c>
      <c r="F45" s="53">
        <v>1640326.4132003915</v>
      </c>
      <c r="G45" s="53">
        <v>1662732.0132003915</v>
      </c>
      <c r="H45" s="53">
        <v>294744.14417648572</v>
      </c>
      <c r="I45" s="53">
        <v>350991.82393128565</v>
      </c>
      <c r="J45" s="53">
        <v>409134.70460168552</v>
      </c>
      <c r="K45" s="53">
        <v>474132.52432168555</v>
      </c>
      <c r="L45" s="53">
        <v>-4245266.1485333135</v>
      </c>
      <c r="M45" s="53">
        <v>1762129.3722262911</v>
      </c>
      <c r="N45" s="53">
        <v>1686966.3593670856</v>
      </c>
      <c r="O45" s="53">
        <v>1656694.0803966853</v>
      </c>
      <c r="P45" s="53">
        <v>1687618.3398766855</v>
      </c>
      <c r="Q45" s="53">
        <v>1636022.5393566857</v>
      </c>
      <c r="R45" s="53">
        <v>294744.14417648572</v>
      </c>
      <c r="S45" s="53">
        <v>350991.82393128565</v>
      </c>
      <c r="T45" s="53">
        <v>409134.70460168552</v>
      </c>
      <c r="U45" s="53">
        <v>474132.52432168555</v>
      </c>
      <c r="V45" s="53">
        <v>3416836.6890697111</v>
      </c>
    </row>
    <row r="46" spans="1:22">
      <c r="A46" s="40"/>
      <c r="B46" s="40"/>
      <c r="C46" s="46"/>
      <c r="D46" s="46"/>
      <c r="E46" s="46"/>
      <c r="F46" s="46"/>
      <c r="G46" s="46"/>
      <c r="H46" s="46"/>
      <c r="I46" s="46"/>
      <c r="J46" s="46"/>
      <c r="K46" s="46"/>
      <c r="L46" s="46"/>
      <c r="M46" s="46"/>
      <c r="N46" s="46"/>
      <c r="O46" s="46"/>
      <c r="P46" s="46"/>
      <c r="Q46" s="46"/>
      <c r="R46" s="46"/>
      <c r="S46" s="46"/>
      <c r="T46" s="46"/>
      <c r="U46" s="46"/>
      <c r="V46" s="46"/>
    </row>
    <row r="47" spans="1:22">
      <c r="A47" s="39"/>
      <c r="B47" s="40"/>
      <c r="C47" s="40"/>
      <c r="D47" s="40"/>
      <c r="E47" s="40"/>
      <c r="F47" s="40"/>
      <c r="G47" s="40"/>
      <c r="H47" s="40"/>
      <c r="I47" s="40"/>
      <c r="J47" s="40"/>
      <c r="K47" s="40"/>
      <c r="L47" s="40"/>
      <c r="M47" s="40"/>
      <c r="N47" s="40"/>
      <c r="O47" s="40"/>
      <c r="P47" s="40"/>
      <c r="Q47" s="40"/>
      <c r="R47" s="40"/>
      <c r="S47" s="40"/>
      <c r="T47" s="40"/>
      <c r="U47" s="40"/>
      <c r="V47" s="40"/>
    </row>
    <row r="48" spans="1:22">
      <c r="A48" s="40"/>
      <c r="B48" s="40"/>
      <c r="C48" s="40"/>
      <c r="D48" s="40"/>
      <c r="E48" s="40"/>
      <c r="F48" s="40"/>
      <c r="G48" s="40"/>
      <c r="H48" s="40"/>
      <c r="I48" s="40"/>
      <c r="J48" s="40"/>
      <c r="K48" s="40"/>
      <c r="L48" s="40"/>
      <c r="M48" s="40"/>
      <c r="N48" s="40"/>
      <c r="O48" s="40"/>
      <c r="P48" s="40"/>
      <c r="Q48" s="40"/>
      <c r="R48" s="40"/>
      <c r="S48" s="40"/>
      <c r="T48" s="40"/>
      <c r="U48" s="40"/>
      <c r="V48" s="40"/>
    </row>
    <row r="49" spans="1:22" ht="12" thickBot="1"/>
    <row r="50" spans="1:22" ht="16.5" thickBot="1">
      <c r="A50" s="117" t="s">
        <v>58</v>
      </c>
      <c r="B50" s="118">
        <v>9.8500000000000004E-2</v>
      </c>
      <c r="C50" s="40"/>
      <c r="D50" s="40"/>
      <c r="E50" s="40"/>
      <c r="F50" s="40"/>
      <c r="G50" s="40"/>
      <c r="H50" s="40"/>
      <c r="I50" s="40"/>
      <c r="J50" s="40"/>
      <c r="K50" s="40"/>
      <c r="L50" s="40"/>
      <c r="M50" s="40"/>
      <c r="N50" s="40"/>
      <c r="O50" s="40"/>
      <c r="P50" s="40"/>
      <c r="Q50" s="40"/>
      <c r="R50" s="40"/>
      <c r="S50" s="40"/>
      <c r="T50" s="40"/>
      <c r="U50" s="40"/>
      <c r="V50" s="40"/>
    </row>
    <row r="51" spans="1:22">
      <c r="A51" s="40"/>
      <c r="B51" s="55"/>
      <c r="C51" s="40"/>
      <c r="D51" s="40"/>
      <c r="E51" s="40"/>
      <c r="F51" s="40"/>
      <c r="G51" s="40"/>
      <c r="H51" s="40"/>
      <c r="I51" s="40"/>
      <c r="J51" s="40"/>
      <c r="K51" s="40"/>
      <c r="L51" s="40"/>
      <c r="M51" s="56"/>
      <c r="N51" s="40"/>
      <c r="O51" s="40"/>
      <c r="P51" s="40"/>
      <c r="Q51" s="40"/>
      <c r="R51" s="40"/>
      <c r="S51" s="40"/>
      <c r="T51" s="40"/>
      <c r="U51" s="40"/>
      <c r="V51" s="40"/>
    </row>
    <row r="52" spans="1:22">
      <c r="A52" s="40"/>
      <c r="B52" s="55"/>
      <c r="C52" s="40"/>
      <c r="D52" s="40"/>
      <c r="E52" s="40"/>
      <c r="F52" s="40"/>
      <c r="G52" s="40"/>
      <c r="H52" s="40"/>
      <c r="I52" s="40"/>
      <c r="J52" s="40"/>
      <c r="K52" s="40"/>
      <c r="L52" s="40"/>
      <c r="M52" s="56"/>
      <c r="N52" s="40"/>
      <c r="O52" s="40"/>
      <c r="P52" s="40"/>
      <c r="Q52" s="40"/>
      <c r="R52" s="40"/>
      <c r="S52" s="40"/>
      <c r="T52" s="40"/>
      <c r="U52" s="40"/>
      <c r="V52" s="40"/>
    </row>
    <row r="53" spans="1:22">
      <c r="A53" s="40"/>
      <c r="B53" s="40"/>
      <c r="C53" s="40"/>
      <c r="D53" s="40"/>
      <c r="E53" s="40"/>
      <c r="F53" s="40"/>
      <c r="G53" s="40"/>
      <c r="H53" s="40"/>
      <c r="I53" s="40"/>
      <c r="J53" s="40"/>
      <c r="K53" s="40"/>
      <c r="L53" s="40"/>
      <c r="M53" s="40"/>
      <c r="N53" s="40"/>
      <c r="O53" s="40"/>
      <c r="P53" s="40"/>
      <c r="Q53" s="40"/>
      <c r="R53" s="40"/>
      <c r="S53" s="40"/>
      <c r="T53" s="40"/>
      <c r="U53" s="40"/>
      <c r="V53" s="40"/>
    </row>
    <row r="54" spans="1:22" ht="18">
      <c r="A54" s="116" t="s">
        <v>115</v>
      </c>
      <c r="B54" s="40"/>
      <c r="C54" s="40"/>
      <c r="D54" s="40"/>
      <c r="E54" s="40"/>
      <c r="F54" s="40"/>
      <c r="G54" s="40"/>
      <c r="H54" s="40"/>
      <c r="I54" s="40"/>
      <c r="J54" s="40"/>
      <c r="K54" s="40"/>
      <c r="L54" s="40"/>
      <c r="M54" s="40"/>
      <c r="N54" s="40"/>
      <c r="O54" s="40"/>
      <c r="P54" s="40"/>
      <c r="Q54" s="40"/>
      <c r="R54" s="40"/>
      <c r="S54" s="40"/>
      <c r="T54" s="40"/>
      <c r="U54" s="40"/>
      <c r="V54" s="40"/>
    </row>
    <row r="55" spans="1:22">
      <c r="A55" s="57" t="s">
        <v>84</v>
      </c>
      <c r="B55" s="58"/>
      <c r="C55" s="59">
        <v>1268663.8151242333</v>
      </c>
      <c r="D55" s="60">
        <v>1298880.6409042333</v>
      </c>
      <c r="E55" s="60">
        <v>1323523.3463442333</v>
      </c>
      <c r="F55" s="60">
        <v>1328004.4663442334</v>
      </c>
      <c r="G55" s="60">
        <v>1328004.4663442334</v>
      </c>
      <c r="H55" s="60">
        <v>59451.95355333334</v>
      </c>
      <c r="I55" s="60">
        <v>224886.30577333336</v>
      </c>
      <c r="J55" s="60">
        <v>395894.77833333338</v>
      </c>
      <c r="K55" s="60">
        <v>587064.83633333328</v>
      </c>
      <c r="L55" s="60">
        <v>804716.01433333335</v>
      </c>
      <c r="M55" s="60">
        <v>1994711.2511133333</v>
      </c>
      <c r="N55" s="60">
        <v>1829276.8988933333</v>
      </c>
      <c r="O55" s="60">
        <v>1658268.4263333334</v>
      </c>
      <c r="P55" s="60">
        <v>1467098.3683333334</v>
      </c>
      <c r="Q55" s="60">
        <v>1249447.1903333333</v>
      </c>
      <c r="R55" s="60">
        <v>59451.953553333333</v>
      </c>
      <c r="S55" s="60">
        <v>224886.30577333336</v>
      </c>
      <c r="T55" s="60">
        <v>395894.77833333338</v>
      </c>
      <c r="U55" s="60">
        <v>587064.83633333328</v>
      </c>
      <c r="V55" s="61">
        <v>782716.01433333335</v>
      </c>
    </row>
    <row r="56" spans="1:22">
      <c r="A56" s="62" t="s">
        <v>85</v>
      </c>
      <c r="B56" s="63"/>
      <c r="C56" s="65">
        <v>1239264.3440109</v>
      </c>
      <c r="D56" s="65">
        <v>1239264.3440109</v>
      </c>
      <c r="E56" s="65">
        <v>1239264.3440109</v>
      </c>
      <c r="F56" s="65">
        <v>1239264.3440109</v>
      </c>
      <c r="G56" s="65">
        <v>1239264.3440109</v>
      </c>
      <c r="H56" s="65">
        <v>0</v>
      </c>
      <c r="I56" s="65">
        <v>195651.17800000001</v>
      </c>
      <c r="J56" s="65">
        <v>391302.35600000003</v>
      </c>
      <c r="K56" s="65">
        <v>586953.53399999999</v>
      </c>
      <c r="L56" s="65">
        <v>782604.71200000006</v>
      </c>
      <c r="M56" s="65">
        <v>1956511.78</v>
      </c>
      <c r="N56" s="65">
        <v>1760860.602</v>
      </c>
      <c r="O56" s="65">
        <v>1565209.4240000001</v>
      </c>
      <c r="P56" s="65">
        <v>1369558.246</v>
      </c>
      <c r="Q56" s="65">
        <v>1173907.068</v>
      </c>
      <c r="R56" s="65">
        <v>0</v>
      </c>
      <c r="S56" s="65">
        <v>195651.17800000001</v>
      </c>
      <c r="T56" s="65">
        <v>391302.35600000003</v>
      </c>
      <c r="U56" s="65">
        <v>586953.53399999999</v>
      </c>
      <c r="V56" s="66">
        <v>782604.71200000006</v>
      </c>
    </row>
    <row r="57" spans="1:22">
      <c r="A57" s="67" t="s">
        <v>86</v>
      </c>
      <c r="B57" s="40"/>
      <c r="C57" s="41">
        <v>111.30233333333334</v>
      </c>
      <c r="D57" s="41">
        <v>111.30233333333334</v>
      </c>
      <c r="E57" s="41">
        <v>111.30233333333334</v>
      </c>
      <c r="F57" s="41">
        <v>111.30233333333334</v>
      </c>
      <c r="G57" s="41">
        <v>111.30233333333334</v>
      </c>
      <c r="H57" s="41">
        <v>111.30233333333334</v>
      </c>
      <c r="I57" s="41">
        <v>111.30233333333334</v>
      </c>
      <c r="J57" s="41">
        <v>111.30233333333334</v>
      </c>
      <c r="K57" s="41">
        <v>111.30233333333334</v>
      </c>
      <c r="L57" s="41">
        <v>111.30233333333334</v>
      </c>
      <c r="M57" s="41">
        <v>111.30233333333334</v>
      </c>
      <c r="N57" s="41">
        <v>111.30233333333334</v>
      </c>
      <c r="O57" s="41">
        <v>111.30233333333334</v>
      </c>
      <c r="P57" s="41">
        <v>111.30233333333334</v>
      </c>
      <c r="Q57" s="41">
        <v>111.30233333333334</v>
      </c>
      <c r="R57" s="41">
        <v>111.30233333333334</v>
      </c>
      <c r="S57" s="41">
        <v>111.30233333333334</v>
      </c>
      <c r="T57" s="41">
        <v>111.30233333333334</v>
      </c>
      <c r="U57" s="41">
        <v>111.30233333333334</v>
      </c>
      <c r="V57" s="41">
        <v>111.30233333333334</v>
      </c>
    </row>
    <row r="58" spans="1:22">
      <c r="A58" s="70" t="s">
        <v>87</v>
      </c>
      <c r="B58" s="71"/>
      <c r="C58" s="73">
        <v>29288.16878</v>
      </c>
      <c r="D58" s="73">
        <v>59504.994560000006</v>
      </c>
      <c r="E58" s="73">
        <v>84147.700000000012</v>
      </c>
      <c r="F58" s="73">
        <v>88628.82</v>
      </c>
      <c r="G58" s="73">
        <v>88628.82</v>
      </c>
      <c r="H58" s="73">
        <v>59340.651220000007</v>
      </c>
      <c r="I58" s="73">
        <v>29123.825440000001</v>
      </c>
      <c r="J58" s="73">
        <v>4481.12</v>
      </c>
      <c r="K58" s="73">
        <v>0</v>
      </c>
      <c r="L58" s="73">
        <v>22000</v>
      </c>
      <c r="M58" s="73">
        <v>38088.16878</v>
      </c>
      <c r="N58" s="73">
        <v>68304.994560000006</v>
      </c>
      <c r="O58" s="73">
        <v>92947.700000000012</v>
      </c>
      <c r="P58" s="73">
        <v>97428.819999999992</v>
      </c>
      <c r="Q58" s="73">
        <v>75428.820000000007</v>
      </c>
      <c r="R58" s="73">
        <v>59340.65122</v>
      </c>
      <c r="S58" s="73">
        <v>29123.825440000001</v>
      </c>
      <c r="T58" s="73">
        <v>4481.12</v>
      </c>
      <c r="U58" s="73">
        <v>0</v>
      </c>
      <c r="V58" s="74">
        <v>0</v>
      </c>
    </row>
    <row r="88" spans="11:11" ht="12.75">
      <c r="K88" s="119" t="s">
        <v>136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12.xml><?xml version="1.0" encoding="utf-8"?>
<worksheet xmlns="http://schemas.openxmlformats.org/spreadsheetml/2006/main" xmlns:r="http://schemas.openxmlformats.org/officeDocument/2006/relationships">
  <sheetPr codeName="Plan18"/>
  <dimension ref="A1:X88"/>
  <sheetViews>
    <sheetView view="pageBreakPreview" topLeftCell="A40" zoomScale="80" zoomScaleNormal="100" zoomScaleSheetLayoutView="80" workbookViewId="0">
      <selection activeCell="K88" sqref="K88"/>
    </sheetView>
  </sheetViews>
  <sheetFormatPr defaultRowHeight="11.25"/>
  <cols>
    <col min="1" max="1" width="34.85546875" style="2" customWidth="1"/>
    <col min="2" max="2" width="11.85546875" style="2" bestFit="1" customWidth="1"/>
    <col min="3" max="3" width="11.5703125" style="2" bestFit="1" customWidth="1"/>
    <col min="4" max="22" width="10.5703125" style="2" customWidth="1"/>
    <col min="23" max="23" width="9.140625" style="2"/>
    <col min="24" max="24" width="9.140625" style="2" hidden="1" customWidth="1"/>
    <col min="25" max="25" width="9.140625" style="2" customWidth="1"/>
    <col min="26" max="16384" width="9.140625" style="2"/>
  </cols>
  <sheetData>
    <row r="1" spans="1:22" ht="18">
      <c r="A1" s="93" t="s">
        <v>94</v>
      </c>
    </row>
    <row r="4" spans="1:22" ht="18">
      <c r="A4" s="93" t="s">
        <v>112</v>
      </c>
    </row>
    <row r="5" spans="1:22" ht="15.75">
      <c r="A5" s="105" t="s">
        <v>121</v>
      </c>
    </row>
    <row r="6" spans="1:22" ht="15.75">
      <c r="A6" s="105" t="s">
        <v>113</v>
      </c>
    </row>
    <row r="7" spans="1:22" ht="12.75">
      <c r="A7" s="106" t="s">
        <v>57</v>
      </c>
      <c r="B7" s="107"/>
      <c r="C7" s="108">
        <v>10</v>
      </c>
    </row>
    <row r="8" spans="1:22" ht="12.75">
      <c r="A8" s="109" t="s">
        <v>59</v>
      </c>
      <c r="B8" s="110"/>
      <c r="C8" s="122">
        <v>72688.541560945916</v>
      </c>
    </row>
    <row r="9" spans="1:22" ht="12.75">
      <c r="A9" s="112"/>
      <c r="B9" s="112"/>
      <c r="C9" s="113"/>
    </row>
    <row r="10" spans="1:22" ht="12.75">
      <c r="A10" s="106" t="s">
        <v>60</v>
      </c>
      <c r="B10" s="107"/>
      <c r="C10" s="114">
        <v>52242.598239993029</v>
      </c>
    </row>
    <row r="11" spans="1:22" ht="12.75">
      <c r="A11" s="106" t="s">
        <v>61</v>
      </c>
      <c r="B11" s="107"/>
      <c r="C11" s="114">
        <v>22554.833196599997</v>
      </c>
    </row>
    <row r="12" spans="1:22" ht="12.75">
      <c r="A12" s="106" t="s">
        <v>62</v>
      </c>
      <c r="B12" s="107"/>
      <c r="C12" s="115">
        <v>29687.765043393032</v>
      </c>
    </row>
    <row r="13" spans="1:22" ht="12.75">
      <c r="A13" s="106" t="s">
        <v>63</v>
      </c>
      <c r="B13" s="107"/>
      <c r="C13" s="114">
        <v>28040.993617920001</v>
      </c>
    </row>
    <row r="14" spans="1:22">
      <c r="A14" s="40"/>
      <c r="B14" s="40"/>
      <c r="C14" s="41"/>
    </row>
    <row r="15" spans="1:22" ht="18">
      <c r="A15" s="116" t="s">
        <v>114</v>
      </c>
      <c r="C15" s="41"/>
      <c r="D15" s="28"/>
      <c r="V15" s="42" t="s">
        <v>64</v>
      </c>
    </row>
    <row r="16" spans="1:22">
      <c r="A16" s="43"/>
      <c r="B16" s="43" t="s">
        <v>3</v>
      </c>
      <c r="C16" s="43" t="s">
        <v>4</v>
      </c>
      <c r="D16" s="43" t="s">
        <v>5</v>
      </c>
      <c r="E16" s="43" t="s">
        <v>6</v>
      </c>
      <c r="F16" s="43" t="s">
        <v>7</v>
      </c>
      <c r="G16" s="43" t="s">
        <v>8</v>
      </c>
      <c r="H16" s="43" t="s">
        <v>9</v>
      </c>
      <c r="I16" s="43" t="s">
        <v>10</v>
      </c>
      <c r="J16" s="43" t="s">
        <v>11</v>
      </c>
      <c r="K16" s="43" t="s">
        <v>12</v>
      </c>
      <c r="L16" s="43" t="s">
        <v>13</v>
      </c>
      <c r="M16" s="43" t="s">
        <v>14</v>
      </c>
      <c r="N16" s="43" t="s">
        <v>15</v>
      </c>
      <c r="O16" s="43" t="s">
        <v>16</v>
      </c>
      <c r="P16" s="43" t="s">
        <v>17</v>
      </c>
      <c r="Q16" s="43" t="s">
        <v>18</v>
      </c>
      <c r="R16" s="43" t="s">
        <v>19</v>
      </c>
      <c r="S16" s="43" t="s">
        <v>20</v>
      </c>
      <c r="T16" s="43" t="s">
        <v>21</v>
      </c>
      <c r="U16" s="43" t="s">
        <v>22</v>
      </c>
      <c r="V16" s="43" t="s">
        <v>23</v>
      </c>
    </row>
    <row r="17" spans="1:22">
      <c r="A17" s="40" t="s">
        <v>65</v>
      </c>
      <c r="B17" s="40"/>
      <c r="C17" s="41">
        <v>8722624.987313509</v>
      </c>
      <c r="D17" s="41">
        <v>8722624.987313509</v>
      </c>
      <c r="E17" s="41">
        <v>8722624.987313509</v>
      </c>
      <c r="F17" s="41">
        <v>8722624.987313509</v>
      </c>
      <c r="G17" s="41">
        <v>8722624.987313509</v>
      </c>
      <c r="H17" s="41">
        <v>8722624.987313509</v>
      </c>
      <c r="I17" s="41">
        <v>8722624.987313509</v>
      </c>
      <c r="J17" s="41">
        <v>8722624.987313509</v>
      </c>
      <c r="K17" s="41">
        <v>8722624.987313509</v>
      </c>
      <c r="L17" s="41">
        <v>8722624.987313509</v>
      </c>
      <c r="M17" s="41">
        <v>8722624.987313509</v>
      </c>
      <c r="N17" s="41">
        <v>8722624.987313509</v>
      </c>
      <c r="O17" s="41">
        <v>8722624.987313509</v>
      </c>
      <c r="P17" s="41">
        <v>8722624.987313509</v>
      </c>
      <c r="Q17" s="41">
        <v>8722624.987313509</v>
      </c>
      <c r="R17" s="41">
        <v>8722624.987313509</v>
      </c>
      <c r="S17" s="41">
        <v>8722624.987313509</v>
      </c>
      <c r="T17" s="41">
        <v>8722624.987313509</v>
      </c>
      <c r="U17" s="41">
        <v>8722624.987313509</v>
      </c>
      <c r="V17" s="41">
        <v>8722624.987313509</v>
      </c>
    </row>
    <row r="18" spans="1:22">
      <c r="A18" s="44" t="s">
        <v>66</v>
      </c>
      <c r="B18" s="44"/>
      <c r="C18" s="45">
        <v>174452.49974627019</v>
      </c>
      <c r="D18" s="45">
        <v>174452.49974627019</v>
      </c>
      <c r="E18" s="45">
        <v>174452.49974627019</v>
      </c>
      <c r="F18" s="45">
        <v>174452.49974627019</v>
      </c>
      <c r="G18" s="45">
        <v>174452.49974627019</v>
      </c>
      <c r="H18" s="45">
        <v>174452.49974627019</v>
      </c>
      <c r="I18" s="45">
        <v>174452.49974627019</v>
      </c>
      <c r="J18" s="45">
        <v>174452.49974627019</v>
      </c>
      <c r="K18" s="45">
        <v>174452.49974627019</v>
      </c>
      <c r="L18" s="45">
        <v>174452.49974627019</v>
      </c>
      <c r="M18" s="45">
        <v>174452.49974627019</v>
      </c>
      <c r="N18" s="45">
        <v>174452.49974627019</v>
      </c>
      <c r="O18" s="45">
        <v>174452.49974627019</v>
      </c>
      <c r="P18" s="45">
        <v>174452.49974627019</v>
      </c>
      <c r="Q18" s="45">
        <v>174452.49974627019</v>
      </c>
      <c r="R18" s="45">
        <v>174452.49974627019</v>
      </c>
      <c r="S18" s="45">
        <v>174452.49974627019</v>
      </c>
      <c r="T18" s="45">
        <v>174452.49974627019</v>
      </c>
      <c r="U18" s="45">
        <v>174452.49974627019</v>
      </c>
      <c r="V18" s="45">
        <v>174452.49974627019</v>
      </c>
    </row>
    <row r="19" spans="1:22">
      <c r="A19" s="40" t="s">
        <v>67</v>
      </c>
      <c r="B19" s="40"/>
      <c r="C19" s="46">
        <v>8548172.4875672385</v>
      </c>
      <c r="D19" s="46">
        <v>8548172.4875672385</v>
      </c>
      <c r="E19" s="46">
        <v>8548172.4875672385</v>
      </c>
      <c r="F19" s="46">
        <v>8548172.4875672385</v>
      </c>
      <c r="G19" s="46">
        <v>8548172.4875672385</v>
      </c>
      <c r="H19" s="46">
        <v>8548172.4875672385</v>
      </c>
      <c r="I19" s="46">
        <v>8548172.4875672385</v>
      </c>
      <c r="J19" s="46">
        <v>8548172.4875672385</v>
      </c>
      <c r="K19" s="46">
        <v>8548172.4875672385</v>
      </c>
      <c r="L19" s="46">
        <v>8548172.4875672385</v>
      </c>
      <c r="M19" s="46">
        <v>8548172.4875672385</v>
      </c>
      <c r="N19" s="46">
        <v>8548172.4875672385</v>
      </c>
      <c r="O19" s="46">
        <v>8548172.4875672385</v>
      </c>
      <c r="P19" s="46">
        <v>8548172.4875672385</v>
      </c>
      <c r="Q19" s="46">
        <v>8548172.4875672385</v>
      </c>
      <c r="R19" s="46">
        <v>8548172.4875672385</v>
      </c>
      <c r="S19" s="46">
        <v>8548172.4875672385</v>
      </c>
      <c r="T19" s="46">
        <v>8548172.4875672385</v>
      </c>
      <c r="U19" s="46">
        <v>8548172.4875672385</v>
      </c>
      <c r="V19" s="46">
        <v>8548172.4875672385</v>
      </c>
    </row>
    <row r="20" spans="1:22">
      <c r="A20" s="40"/>
      <c r="B20" s="40"/>
      <c r="C20" s="40"/>
      <c r="D20" s="40"/>
      <c r="E20" s="40"/>
      <c r="F20" s="40"/>
      <c r="G20" s="40"/>
      <c r="H20" s="40"/>
      <c r="I20" s="40"/>
      <c r="J20" s="40"/>
      <c r="K20" s="40"/>
      <c r="L20" s="40"/>
      <c r="M20" s="40"/>
      <c r="N20" s="40"/>
      <c r="O20" s="40"/>
      <c r="P20" s="40"/>
      <c r="Q20" s="40"/>
      <c r="R20" s="40"/>
      <c r="S20" s="40"/>
      <c r="T20" s="40"/>
      <c r="U20" s="40"/>
      <c r="V20" s="40"/>
    </row>
    <row r="21" spans="1:22">
      <c r="A21" s="44" t="s">
        <v>68</v>
      </c>
      <c r="B21" s="44"/>
      <c r="C21" s="45">
        <v>6560124.9249783643</v>
      </c>
      <c r="D21" s="45">
        <v>6560124.9249783643</v>
      </c>
      <c r="E21" s="45">
        <v>6560124.9249783643</v>
      </c>
      <c r="F21" s="45">
        <v>6567527.7249783641</v>
      </c>
      <c r="G21" s="45">
        <v>6567527.7249783641</v>
      </c>
      <c r="H21" s="45">
        <v>6567527.7249783641</v>
      </c>
      <c r="I21" s="45">
        <v>6567527.7249783641</v>
      </c>
      <c r="J21" s="45">
        <v>6567527.7249783641</v>
      </c>
      <c r="K21" s="45">
        <v>6567527.7249783641</v>
      </c>
      <c r="L21" s="45">
        <v>6567527.7249783641</v>
      </c>
      <c r="M21" s="47">
        <v>6560124.9249783643</v>
      </c>
      <c r="N21" s="47">
        <v>6560124.9249783643</v>
      </c>
      <c r="O21" s="47">
        <v>6560124.9249783643</v>
      </c>
      <c r="P21" s="47">
        <v>6567527.7249783641</v>
      </c>
      <c r="Q21" s="47">
        <v>6567527.7249783641</v>
      </c>
      <c r="R21" s="47">
        <v>6567527.7249783641</v>
      </c>
      <c r="S21" s="47">
        <v>6567527.7249783641</v>
      </c>
      <c r="T21" s="47">
        <v>6567527.7249783641</v>
      </c>
      <c r="U21" s="47">
        <v>6567527.7249783641</v>
      </c>
      <c r="V21" s="47">
        <v>6567527.7249783641</v>
      </c>
    </row>
    <row r="22" spans="1:22">
      <c r="A22" s="40"/>
      <c r="B22" s="40"/>
      <c r="C22" s="40"/>
      <c r="D22" s="40"/>
      <c r="E22" s="40"/>
      <c r="F22" s="40"/>
      <c r="G22" s="40"/>
      <c r="H22" s="40"/>
      <c r="I22" s="40"/>
      <c r="J22" s="40"/>
      <c r="K22" s="40"/>
      <c r="L22" s="40"/>
      <c r="M22" s="40"/>
      <c r="N22" s="40"/>
      <c r="O22" s="40"/>
      <c r="P22" s="40"/>
      <c r="Q22" s="40"/>
      <c r="R22" s="40"/>
      <c r="S22" s="40"/>
      <c r="T22" s="40"/>
      <c r="U22" s="40"/>
      <c r="V22" s="40"/>
    </row>
    <row r="23" spans="1:22">
      <c r="A23" s="40" t="s">
        <v>69</v>
      </c>
      <c r="B23" s="40"/>
      <c r="C23" s="41">
        <v>785817.06544738333</v>
      </c>
      <c r="D23" s="41">
        <v>1055158.5287473833</v>
      </c>
      <c r="E23" s="41">
        <v>1321075.3086673834</v>
      </c>
      <c r="F23" s="41">
        <v>1560109.9746673834</v>
      </c>
      <c r="G23" s="41">
        <v>1794663.5206673834</v>
      </c>
      <c r="H23" s="41">
        <v>1243511.3035533333</v>
      </c>
      <c r="I23" s="41">
        <v>1208723.3862533332</v>
      </c>
      <c r="J23" s="41">
        <v>1177360.1523333334</v>
      </c>
      <c r="K23" s="41">
        <v>1172879.0323333333</v>
      </c>
      <c r="L23" s="41">
        <v>1194879.0323333333</v>
      </c>
      <c r="M23" s="41">
        <v>1210967.2011133332</v>
      </c>
      <c r="N23" s="41">
        <v>1245755.1184133333</v>
      </c>
      <c r="O23" s="41">
        <v>1277118.3523333333</v>
      </c>
      <c r="P23" s="41">
        <v>1281599.4723333332</v>
      </c>
      <c r="Q23" s="41">
        <v>1259599.4723333332</v>
      </c>
      <c r="R23" s="41">
        <v>1243511.3035533333</v>
      </c>
      <c r="S23" s="41">
        <v>1208723.3862533332</v>
      </c>
      <c r="T23" s="41">
        <v>1177360.1523333334</v>
      </c>
      <c r="U23" s="41">
        <v>1172879.0323333333</v>
      </c>
      <c r="V23" s="41">
        <v>1172879.0323333333</v>
      </c>
    </row>
    <row r="24" spans="1:22">
      <c r="A24" s="40"/>
      <c r="B24" s="40"/>
      <c r="C24" s="40"/>
      <c r="D24" s="40"/>
      <c r="E24" s="40"/>
      <c r="F24" s="40"/>
      <c r="G24" s="40"/>
      <c r="H24" s="40"/>
      <c r="I24" s="40"/>
      <c r="J24" s="40"/>
      <c r="K24" s="40"/>
      <c r="L24" s="40"/>
      <c r="M24" s="40"/>
      <c r="N24" s="40"/>
      <c r="O24" s="40"/>
      <c r="P24" s="40"/>
      <c r="Q24" s="40"/>
      <c r="R24" s="40"/>
      <c r="S24" s="40"/>
      <c r="T24" s="40"/>
      <c r="U24" s="40"/>
      <c r="V24" s="40"/>
    </row>
    <row r="25" spans="1:22">
      <c r="A25" s="44" t="s">
        <v>70</v>
      </c>
      <c r="B25" s="44"/>
      <c r="C25" s="47">
        <v>1202230.4971414909</v>
      </c>
      <c r="D25" s="47">
        <v>932889.03384149098</v>
      </c>
      <c r="E25" s="47">
        <v>666972.25392149086</v>
      </c>
      <c r="F25" s="47">
        <v>420534.78792149108</v>
      </c>
      <c r="G25" s="47">
        <v>185981.24192149099</v>
      </c>
      <c r="H25" s="47">
        <v>737133.45903554116</v>
      </c>
      <c r="I25" s="47">
        <v>771921.37633554125</v>
      </c>
      <c r="J25" s="47">
        <v>803284.61025554105</v>
      </c>
      <c r="K25" s="47">
        <v>807765.73025554116</v>
      </c>
      <c r="L25" s="47">
        <v>785765.73025554116</v>
      </c>
      <c r="M25" s="47">
        <v>777080.36147554102</v>
      </c>
      <c r="N25" s="47">
        <v>742292.44417554094</v>
      </c>
      <c r="O25" s="47">
        <v>710929.21025554091</v>
      </c>
      <c r="P25" s="47">
        <v>699045.29025554121</v>
      </c>
      <c r="Q25" s="47">
        <v>721045.29025554121</v>
      </c>
      <c r="R25" s="47">
        <v>737133.45903554116</v>
      </c>
      <c r="S25" s="47">
        <v>771921.37633554125</v>
      </c>
      <c r="T25" s="47">
        <v>803284.61025554105</v>
      </c>
      <c r="U25" s="47">
        <v>807765.73025554116</v>
      </c>
      <c r="V25" s="47">
        <v>807765.73025554116</v>
      </c>
    </row>
    <row r="26" spans="1:22">
      <c r="A26" s="40"/>
      <c r="B26" s="40"/>
      <c r="C26" s="40"/>
      <c r="D26" s="40"/>
      <c r="E26" s="40"/>
      <c r="F26" s="40"/>
      <c r="G26" s="40"/>
      <c r="H26" s="40"/>
      <c r="I26" s="40"/>
      <c r="J26" s="40"/>
      <c r="K26" s="40"/>
      <c r="L26" s="40"/>
      <c r="M26" s="40"/>
      <c r="N26" s="40"/>
      <c r="O26" s="40"/>
      <c r="P26" s="40"/>
      <c r="Q26" s="40"/>
      <c r="R26" s="40"/>
      <c r="S26" s="40"/>
      <c r="T26" s="40"/>
      <c r="U26" s="40"/>
      <c r="V26" s="40"/>
    </row>
    <row r="27" spans="1:22">
      <c r="A27" s="40" t="s">
        <v>71</v>
      </c>
      <c r="B27" s="40"/>
      <c r="C27" s="41">
        <v>408758.36902810697</v>
      </c>
      <c r="D27" s="41">
        <v>317182.27150610695</v>
      </c>
      <c r="E27" s="41">
        <v>226770.5663333069</v>
      </c>
      <c r="F27" s="41">
        <v>142981.82789330697</v>
      </c>
      <c r="G27" s="41">
        <v>63233.622253306938</v>
      </c>
      <c r="H27" s="41">
        <v>250625.37607208401</v>
      </c>
      <c r="I27" s="41">
        <v>262453.26795408403</v>
      </c>
      <c r="J27" s="41">
        <v>273116.76748688397</v>
      </c>
      <c r="K27" s="41">
        <v>274640.34828688402</v>
      </c>
      <c r="L27" s="41">
        <v>267160.34828688402</v>
      </c>
      <c r="M27" s="41">
        <v>264207.32290168398</v>
      </c>
      <c r="N27" s="41">
        <v>252379.43101968395</v>
      </c>
      <c r="O27" s="41">
        <v>241715.93148688393</v>
      </c>
      <c r="P27" s="41">
        <v>237675.39868688403</v>
      </c>
      <c r="Q27" s="41">
        <v>245155.39868688403</v>
      </c>
      <c r="R27" s="41">
        <v>250625.37607208401</v>
      </c>
      <c r="S27" s="41">
        <v>262453.26795408403</v>
      </c>
      <c r="T27" s="41">
        <v>273116.76748688397</v>
      </c>
      <c r="U27" s="41">
        <v>274640.34828688402</v>
      </c>
      <c r="V27" s="41">
        <v>274640.34828688402</v>
      </c>
    </row>
    <row r="28" spans="1:22">
      <c r="A28" s="40"/>
      <c r="B28" s="40"/>
      <c r="C28" s="40"/>
      <c r="D28" s="40"/>
      <c r="E28" s="40"/>
      <c r="F28" s="40"/>
      <c r="G28" s="40"/>
      <c r="H28" s="40"/>
      <c r="I28" s="40"/>
      <c r="J28" s="40"/>
      <c r="K28" s="40"/>
      <c r="L28" s="40"/>
      <c r="M28" s="40"/>
      <c r="N28" s="40"/>
      <c r="O28" s="40"/>
      <c r="P28" s="40"/>
      <c r="Q28" s="40"/>
      <c r="R28" s="40"/>
      <c r="S28" s="40"/>
      <c r="T28" s="40"/>
      <c r="U28" s="40"/>
      <c r="V28" s="40"/>
    </row>
    <row r="29" spans="1:22">
      <c r="A29" s="44" t="s">
        <v>72</v>
      </c>
      <c r="B29" s="44"/>
      <c r="C29" s="47">
        <v>793472.12811338389</v>
      </c>
      <c r="D29" s="47">
        <v>615706.76233538403</v>
      </c>
      <c r="E29" s="47">
        <v>440201.68758818397</v>
      </c>
      <c r="F29" s="47">
        <v>277552.96002818411</v>
      </c>
      <c r="G29" s="47">
        <v>122747.61966818405</v>
      </c>
      <c r="H29" s="47">
        <v>486508.08296345716</v>
      </c>
      <c r="I29" s="47">
        <v>509468.10838145722</v>
      </c>
      <c r="J29" s="47">
        <v>530167.84276865702</v>
      </c>
      <c r="K29" s="47">
        <v>533125.38196865714</v>
      </c>
      <c r="L29" s="47">
        <v>518605.38196865714</v>
      </c>
      <c r="M29" s="47">
        <v>512873.03857385705</v>
      </c>
      <c r="N29" s="47">
        <v>489913.01315585698</v>
      </c>
      <c r="O29" s="47">
        <v>469213.27876865701</v>
      </c>
      <c r="P29" s="47">
        <v>461369.89156865719</v>
      </c>
      <c r="Q29" s="47">
        <v>475889.89156865719</v>
      </c>
      <c r="R29" s="47">
        <v>486508.08296345716</v>
      </c>
      <c r="S29" s="47">
        <v>509468.10838145722</v>
      </c>
      <c r="T29" s="47">
        <v>530167.84276865702</v>
      </c>
      <c r="U29" s="47">
        <v>533125.38196865714</v>
      </c>
      <c r="V29" s="47">
        <v>533125.38196865714</v>
      </c>
    </row>
    <row r="30" spans="1:22">
      <c r="A30" s="40"/>
      <c r="B30" s="40"/>
      <c r="C30" s="40"/>
      <c r="D30" s="40"/>
      <c r="E30" s="40"/>
      <c r="F30" s="40"/>
      <c r="G30" s="40"/>
      <c r="H30" s="40"/>
      <c r="I30" s="40"/>
      <c r="J30" s="40"/>
      <c r="K30" s="40"/>
      <c r="L30" s="40"/>
      <c r="M30" s="40"/>
      <c r="N30" s="40"/>
      <c r="O30" s="40"/>
      <c r="P30" s="40"/>
      <c r="Q30" s="40"/>
      <c r="R30" s="40"/>
      <c r="S30" s="40"/>
      <c r="T30" s="40"/>
      <c r="U30" s="40"/>
      <c r="V30" s="40"/>
    </row>
    <row r="31" spans="1:22">
      <c r="A31" s="40" t="s">
        <v>73</v>
      </c>
      <c r="B31" s="40"/>
      <c r="C31" s="41">
        <v>785817.06544738333</v>
      </c>
      <c r="D31" s="41">
        <v>1055158.5287473833</v>
      </c>
      <c r="E31" s="41">
        <v>1321075.3086673834</v>
      </c>
      <c r="F31" s="41">
        <v>1560109.9746673834</v>
      </c>
      <c r="G31" s="41">
        <v>1794663.5206673834</v>
      </c>
      <c r="H31" s="41">
        <v>1243511.3035533333</v>
      </c>
      <c r="I31" s="41">
        <v>1208723.3862533332</v>
      </c>
      <c r="J31" s="41">
        <v>1177360.1523333334</v>
      </c>
      <c r="K31" s="41">
        <v>1172879.0323333333</v>
      </c>
      <c r="L31" s="41">
        <v>1194879.0323333333</v>
      </c>
      <c r="M31" s="41">
        <v>1210967.2011133332</v>
      </c>
      <c r="N31" s="41">
        <v>1245755.1184133333</v>
      </c>
      <c r="O31" s="41">
        <v>1277118.3523333333</v>
      </c>
      <c r="P31" s="41">
        <v>1281599.4723333332</v>
      </c>
      <c r="Q31" s="41">
        <v>1259599.4723333332</v>
      </c>
      <c r="R31" s="41">
        <v>1243511.3035533333</v>
      </c>
      <c r="S31" s="41">
        <v>1208723.3862533332</v>
      </c>
      <c r="T31" s="41">
        <v>1177360.1523333334</v>
      </c>
      <c r="U31" s="41">
        <v>1172879.0323333333</v>
      </c>
      <c r="V31" s="41">
        <v>1172879.0323333333</v>
      </c>
    </row>
    <row r="32" spans="1:22">
      <c r="A32" s="40"/>
      <c r="B32" s="40"/>
      <c r="C32" s="40"/>
      <c r="D32" s="40"/>
      <c r="E32" s="40"/>
      <c r="F32" s="40"/>
      <c r="G32" s="40"/>
      <c r="H32" s="40"/>
      <c r="I32" s="40"/>
      <c r="J32" s="40"/>
      <c r="K32" s="40"/>
      <c r="L32" s="40"/>
      <c r="M32" s="40"/>
      <c r="N32" s="40"/>
      <c r="O32" s="40"/>
      <c r="P32" s="40"/>
      <c r="Q32" s="40"/>
      <c r="R32" s="40"/>
      <c r="S32" s="40"/>
      <c r="T32" s="40"/>
      <c r="U32" s="40"/>
      <c r="V32" s="40"/>
    </row>
    <row r="33" spans="1:22">
      <c r="A33" s="44" t="s">
        <v>74</v>
      </c>
      <c r="B33" s="44"/>
      <c r="C33" s="47">
        <v>1579289.1935607672</v>
      </c>
      <c r="D33" s="47">
        <v>1670865.2910827673</v>
      </c>
      <c r="E33" s="47">
        <v>1761276.9962555673</v>
      </c>
      <c r="F33" s="47">
        <v>1837662.9346955675</v>
      </c>
      <c r="G33" s="47">
        <v>1917411.1403355675</v>
      </c>
      <c r="H33" s="47">
        <v>1730019.3865167904</v>
      </c>
      <c r="I33" s="47">
        <v>1718191.4946347903</v>
      </c>
      <c r="J33" s="47">
        <v>1707527.9951019904</v>
      </c>
      <c r="K33" s="47">
        <v>1706004.4143019905</v>
      </c>
      <c r="L33" s="47">
        <v>1713484.4143019905</v>
      </c>
      <c r="M33" s="47">
        <v>1723840.2396871904</v>
      </c>
      <c r="N33" s="47">
        <v>1735668.1315691904</v>
      </c>
      <c r="O33" s="47">
        <v>1746331.6311019904</v>
      </c>
      <c r="P33" s="47">
        <v>1742969.3639019905</v>
      </c>
      <c r="Q33" s="47">
        <v>1735489.3639019905</v>
      </c>
      <c r="R33" s="47">
        <v>1730019.3865167904</v>
      </c>
      <c r="S33" s="47">
        <v>1718191.4946347903</v>
      </c>
      <c r="T33" s="47">
        <v>1707527.9951019904</v>
      </c>
      <c r="U33" s="47">
        <v>1706004.4143019905</v>
      </c>
      <c r="V33" s="47">
        <v>1706004.4143019905</v>
      </c>
    </row>
    <row r="34" spans="1:22">
      <c r="A34" s="40"/>
      <c r="B34" s="40"/>
      <c r="C34" s="40"/>
      <c r="D34" s="40"/>
      <c r="E34" s="40"/>
      <c r="F34" s="40"/>
      <c r="G34" s="40"/>
      <c r="H34" s="40"/>
      <c r="I34" s="40"/>
      <c r="J34" s="40"/>
      <c r="K34" s="40"/>
      <c r="L34" s="40"/>
      <c r="M34" s="40"/>
      <c r="N34" s="40"/>
      <c r="O34" s="40"/>
      <c r="P34" s="40"/>
      <c r="Q34" s="40"/>
      <c r="R34" s="40"/>
      <c r="S34" s="40"/>
      <c r="T34" s="40"/>
      <c r="U34" s="40"/>
      <c r="V34" s="40"/>
    </row>
    <row r="35" spans="1:22">
      <c r="A35" s="40" t="s">
        <v>75</v>
      </c>
      <c r="B35" s="46">
        <v>5203418.7872267039</v>
      </c>
      <c r="C35" s="46">
        <v>1253208.5739</v>
      </c>
      <c r="D35" s="46">
        <v>1346707.3165</v>
      </c>
      <c r="E35" s="46">
        <v>1329583.8995999999</v>
      </c>
      <c r="F35" s="46">
        <v>1195173.33</v>
      </c>
      <c r="G35" s="46">
        <v>1172767.73</v>
      </c>
      <c r="H35" s="46">
        <v>1172767.73</v>
      </c>
      <c r="I35" s="46">
        <v>1172767.73</v>
      </c>
      <c r="J35" s="46">
        <v>1172767.73</v>
      </c>
      <c r="K35" s="46">
        <v>1172767.73</v>
      </c>
      <c r="L35" s="46">
        <v>1282767.73</v>
      </c>
      <c r="M35" s="46">
        <v>1253208.5739</v>
      </c>
      <c r="N35" s="46">
        <v>1346707.3165</v>
      </c>
      <c r="O35" s="46">
        <v>1329583.8995999999</v>
      </c>
      <c r="P35" s="46">
        <v>1195173.33</v>
      </c>
      <c r="Q35" s="46">
        <v>1172767.73</v>
      </c>
      <c r="R35" s="46">
        <v>1172767.73</v>
      </c>
      <c r="S35" s="46">
        <v>1172767.73</v>
      </c>
      <c r="T35" s="46">
        <v>1172767.73</v>
      </c>
      <c r="U35" s="46">
        <v>1172767.73</v>
      </c>
      <c r="V35" s="46">
        <v>1082903.0050002963</v>
      </c>
    </row>
    <row r="36" spans="1:22">
      <c r="A36" s="48" t="s">
        <v>76</v>
      </c>
      <c r="B36" s="47">
        <v>5042783.9622270009</v>
      </c>
      <c r="C36" s="47">
        <v>1172767.73</v>
      </c>
      <c r="D36" s="47">
        <v>1172767.73</v>
      </c>
      <c r="E36" s="47">
        <v>1172767.73</v>
      </c>
      <c r="F36" s="47">
        <v>1172767.73</v>
      </c>
      <c r="G36" s="47">
        <v>1172767.73</v>
      </c>
      <c r="H36" s="47">
        <v>1172767.73</v>
      </c>
      <c r="I36" s="47">
        <v>1172767.73</v>
      </c>
      <c r="J36" s="47">
        <v>1172767.73</v>
      </c>
      <c r="K36" s="47">
        <v>1172767.73</v>
      </c>
      <c r="L36" s="47">
        <v>1172767.73</v>
      </c>
      <c r="M36" s="47">
        <v>1172767.73</v>
      </c>
      <c r="N36" s="47">
        <v>1172767.73</v>
      </c>
      <c r="O36" s="47">
        <v>1172767.73</v>
      </c>
      <c r="P36" s="47">
        <v>1172767.73</v>
      </c>
      <c r="Q36" s="47">
        <v>1172767.73</v>
      </c>
      <c r="R36" s="47">
        <v>1172767.73</v>
      </c>
      <c r="S36" s="47">
        <v>1172767.73</v>
      </c>
      <c r="T36" s="47">
        <v>1172767.73</v>
      </c>
      <c r="U36" s="47">
        <v>1172767.73</v>
      </c>
      <c r="V36" s="47">
        <v>1172767.73</v>
      </c>
    </row>
    <row r="37" spans="1:22">
      <c r="A37" s="49" t="s">
        <v>77</v>
      </c>
      <c r="B37" s="41">
        <v>66000</v>
      </c>
      <c r="C37" s="41">
        <v>80440.843899999993</v>
      </c>
      <c r="D37" s="41">
        <v>173939.5865</v>
      </c>
      <c r="E37" s="41">
        <v>156816.16959999999</v>
      </c>
      <c r="F37" s="41">
        <v>22405.599999999999</v>
      </c>
      <c r="G37" s="41">
        <v>0</v>
      </c>
      <c r="H37" s="41">
        <v>0</v>
      </c>
      <c r="I37" s="41">
        <v>0</v>
      </c>
      <c r="J37" s="41">
        <v>0</v>
      </c>
      <c r="K37" s="41">
        <v>0</v>
      </c>
      <c r="L37" s="41">
        <v>110000</v>
      </c>
      <c r="M37" s="41">
        <v>80440.843899999993</v>
      </c>
      <c r="N37" s="41">
        <v>173939.5865</v>
      </c>
      <c r="O37" s="41">
        <v>156816.16959999999</v>
      </c>
      <c r="P37" s="41">
        <v>22405.599999999999</v>
      </c>
      <c r="Q37" s="41">
        <v>0</v>
      </c>
      <c r="R37" s="41">
        <v>0</v>
      </c>
      <c r="S37" s="41">
        <v>0</v>
      </c>
      <c r="T37" s="41">
        <v>0</v>
      </c>
      <c r="U37" s="41">
        <v>0</v>
      </c>
      <c r="V37" s="41">
        <v>0</v>
      </c>
    </row>
    <row r="38" spans="1:22">
      <c r="A38" s="48" t="s">
        <v>78</v>
      </c>
      <c r="B38" s="50">
        <v>4770.1000000000004</v>
      </c>
      <c r="C38" s="44">
        <v>0</v>
      </c>
      <c r="D38" s="44">
        <v>0</v>
      </c>
      <c r="E38" s="44">
        <v>0</v>
      </c>
      <c r="F38" s="44">
        <v>0</v>
      </c>
      <c r="G38" s="44">
        <v>0</v>
      </c>
      <c r="H38" s="44">
        <v>0</v>
      </c>
      <c r="I38" s="44">
        <v>0</v>
      </c>
      <c r="J38" s="44">
        <v>0</v>
      </c>
      <c r="K38" s="44">
        <v>0</v>
      </c>
      <c r="L38" s="44">
        <v>0</v>
      </c>
      <c r="M38" s="44"/>
      <c r="N38" s="44"/>
      <c r="O38" s="44"/>
      <c r="P38" s="44"/>
      <c r="Q38" s="44"/>
      <c r="R38" s="44"/>
      <c r="S38" s="44"/>
      <c r="T38" s="44"/>
      <c r="U38" s="44"/>
      <c r="V38" s="44"/>
    </row>
    <row r="39" spans="1:22">
      <c r="A39" s="49" t="s">
        <v>79</v>
      </c>
      <c r="B39" s="41">
        <v>89864.724999703612</v>
      </c>
      <c r="C39" s="40">
        <v>0</v>
      </c>
      <c r="D39" s="40">
        <v>0</v>
      </c>
      <c r="E39" s="40">
        <v>0</v>
      </c>
      <c r="F39" s="40">
        <v>0</v>
      </c>
      <c r="G39" s="40">
        <v>0</v>
      </c>
      <c r="H39" s="40">
        <v>0</v>
      </c>
      <c r="I39" s="40">
        <v>0</v>
      </c>
      <c r="J39" s="40">
        <v>0</v>
      </c>
      <c r="K39" s="40">
        <v>0</v>
      </c>
      <c r="L39" s="46">
        <v>0</v>
      </c>
      <c r="M39" s="46">
        <v>0</v>
      </c>
      <c r="N39" s="46">
        <v>0</v>
      </c>
      <c r="O39" s="46">
        <v>0</v>
      </c>
      <c r="P39" s="46">
        <v>0</v>
      </c>
      <c r="Q39" s="46">
        <v>0</v>
      </c>
      <c r="R39" s="46">
        <v>0</v>
      </c>
      <c r="S39" s="46">
        <v>0</v>
      </c>
      <c r="T39" s="46">
        <v>0</v>
      </c>
      <c r="U39" s="46">
        <v>0</v>
      </c>
      <c r="V39" s="46">
        <v>-89864.724999703612</v>
      </c>
    </row>
    <row r="40" spans="1:22">
      <c r="A40" s="40"/>
      <c r="B40" s="40"/>
      <c r="C40" s="40"/>
      <c r="D40" s="40"/>
      <c r="E40" s="40"/>
      <c r="F40" s="40"/>
      <c r="G40" s="40"/>
      <c r="H40" s="40"/>
      <c r="I40" s="40"/>
      <c r="J40" s="40"/>
      <c r="K40" s="40"/>
      <c r="L40" s="40"/>
      <c r="M40" s="40"/>
      <c r="N40" s="40"/>
      <c r="O40" s="40"/>
      <c r="P40" s="40"/>
      <c r="Q40" s="40"/>
      <c r="R40" s="40"/>
      <c r="S40" s="40"/>
      <c r="T40" s="40"/>
      <c r="U40" s="40"/>
      <c r="V40" s="40"/>
    </row>
    <row r="41" spans="1:22">
      <c r="A41" s="44" t="s">
        <v>80</v>
      </c>
      <c r="B41" s="45">
        <v>0</v>
      </c>
      <c r="C41" s="45">
        <v>49842.628525</v>
      </c>
      <c r="D41" s="45">
        <v>49842.628525</v>
      </c>
      <c r="E41" s="45">
        <v>49842.628525</v>
      </c>
      <c r="F41" s="45">
        <v>49842.628525</v>
      </c>
      <c r="G41" s="45">
        <v>49842.628525</v>
      </c>
      <c r="H41" s="45">
        <v>49842.628525</v>
      </c>
      <c r="I41" s="45">
        <v>49842.628525</v>
      </c>
      <c r="J41" s="45">
        <v>49842.628525</v>
      </c>
      <c r="K41" s="45">
        <v>49842.628525</v>
      </c>
      <c r="L41" s="45">
        <v>49842.628525</v>
      </c>
      <c r="M41" s="45">
        <v>49842.628525</v>
      </c>
      <c r="N41" s="45">
        <v>49842.628525</v>
      </c>
      <c r="O41" s="45">
        <v>49842.628525</v>
      </c>
      <c r="P41" s="45">
        <v>49842.628525</v>
      </c>
      <c r="Q41" s="45">
        <v>49842.628525</v>
      </c>
      <c r="R41" s="45">
        <v>49842.628525</v>
      </c>
      <c r="S41" s="45">
        <v>49842.628525</v>
      </c>
      <c r="T41" s="45">
        <v>49842.628525</v>
      </c>
      <c r="U41" s="45">
        <v>49842.628525</v>
      </c>
      <c r="V41" s="45">
        <v>3391743.1077762833</v>
      </c>
    </row>
    <row r="42" spans="1:22">
      <c r="A42" s="40" t="s">
        <v>81</v>
      </c>
      <c r="B42" s="40"/>
      <c r="C42" s="46">
        <v>49842.628525</v>
      </c>
      <c r="D42" s="46">
        <v>49842.628525</v>
      </c>
      <c r="E42" s="46">
        <v>49842.628525</v>
      </c>
      <c r="F42" s="46">
        <v>49842.628525</v>
      </c>
      <c r="G42" s="46">
        <v>49842.628525</v>
      </c>
      <c r="H42" s="46">
        <v>49842.628525</v>
      </c>
      <c r="I42" s="46">
        <v>49842.628525</v>
      </c>
      <c r="J42" s="46">
        <v>49842.628525</v>
      </c>
      <c r="K42" s="46">
        <v>49842.628525</v>
      </c>
      <c r="L42" s="46">
        <v>49842.628525</v>
      </c>
      <c r="M42" s="46">
        <v>49842.628525</v>
      </c>
      <c r="N42" s="46">
        <v>49842.628525</v>
      </c>
      <c r="O42" s="46">
        <v>49842.628525</v>
      </c>
      <c r="P42" s="46">
        <v>49842.628525</v>
      </c>
      <c r="Q42" s="46">
        <v>49842.628525</v>
      </c>
      <c r="R42" s="46">
        <v>49842.628525</v>
      </c>
      <c r="S42" s="46">
        <v>49842.628525</v>
      </c>
      <c r="T42" s="46">
        <v>49842.628525</v>
      </c>
      <c r="U42" s="46">
        <v>49842.628525</v>
      </c>
      <c r="V42" s="46">
        <v>3389199.0544429501</v>
      </c>
    </row>
    <row r="43" spans="1:22">
      <c r="A43" s="44" t="s">
        <v>82</v>
      </c>
      <c r="B43" s="44"/>
      <c r="C43" s="44">
        <v>0</v>
      </c>
      <c r="D43" s="44">
        <v>0</v>
      </c>
      <c r="E43" s="44">
        <v>0</v>
      </c>
      <c r="F43" s="44">
        <v>0</v>
      </c>
      <c r="G43" s="44">
        <v>0</v>
      </c>
      <c r="H43" s="44">
        <v>0</v>
      </c>
      <c r="I43" s="44">
        <v>0</v>
      </c>
      <c r="J43" s="44">
        <v>0</v>
      </c>
      <c r="K43" s="44">
        <v>0</v>
      </c>
      <c r="L43" s="44">
        <v>0</v>
      </c>
      <c r="M43" s="44">
        <v>0</v>
      </c>
      <c r="N43" s="44">
        <v>0</v>
      </c>
      <c r="O43" s="44">
        <v>0</v>
      </c>
      <c r="P43" s="44">
        <v>0</v>
      </c>
      <c r="Q43" s="44">
        <v>0</v>
      </c>
      <c r="R43" s="44">
        <v>0</v>
      </c>
      <c r="S43" s="44">
        <v>0</v>
      </c>
      <c r="T43" s="44">
        <v>0</v>
      </c>
      <c r="U43" s="44">
        <v>0</v>
      </c>
      <c r="V43" s="44">
        <v>2544.0533333333337</v>
      </c>
    </row>
    <row r="44" spans="1:22">
      <c r="A44" s="40"/>
      <c r="B44" s="40"/>
      <c r="C44" s="40"/>
      <c r="D44" s="40"/>
      <c r="E44" s="40"/>
      <c r="F44" s="40"/>
      <c r="G44" s="40"/>
      <c r="H44" s="40"/>
      <c r="I44" s="40"/>
      <c r="J44" s="40"/>
      <c r="K44" s="40"/>
      <c r="L44" s="40"/>
      <c r="M44" s="40"/>
      <c r="N44" s="40"/>
      <c r="O44" s="40"/>
      <c r="P44" s="40"/>
      <c r="Q44" s="40"/>
      <c r="R44" s="40"/>
      <c r="S44" s="40"/>
      <c r="T44" s="40"/>
      <c r="U44" s="40"/>
      <c r="V44" s="40"/>
    </row>
    <row r="45" spans="1:22">
      <c r="A45" s="52" t="s">
        <v>83</v>
      </c>
      <c r="B45" s="53">
        <v>-5203418.7872267039</v>
      </c>
      <c r="C45" s="53">
        <v>375923.24818576727</v>
      </c>
      <c r="D45" s="53">
        <v>374000.60310776735</v>
      </c>
      <c r="E45" s="53">
        <v>481535.72518056742</v>
      </c>
      <c r="F45" s="53">
        <v>692332.23322056734</v>
      </c>
      <c r="G45" s="53">
        <v>794486.0388605675</v>
      </c>
      <c r="H45" s="53">
        <v>607094.28504179034</v>
      </c>
      <c r="I45" s="53">
        <v>595266.39315979031</v>
      </c>
      <c r="J45" s="53">
        <v>584602.89362699038</v>
      </c>
      <c r="K45" s="53">
        <v>583079.3128269905</v>
      </c>
      <c r="L45" s="53">
        <v>480559.31282699056</v>
      </c>
      <c r="M45" s="53">
        <v>520474.29431219044</v>
      </c>
      <c r="N45" s="53">
        <v>438803.44359419047</v>
      </c>
      <c r="O45" s="53">
        <v>466590.36002699047</v>
      </c>
      <c r="P45" s="53">
        <v>597638.66242699034</v>
      </c>
      <c r="Q45" s="53">
        <v>612564.26242699043</v>
      </c>
      <c r="R45" s="53">
        <v>607094.28504179034</v>
      </c>
      <c r="S45" s="53">
        <v>595266.39315979031</v>
      </c>
      <c r="T45" s="53">
        <v>584602.89362699038</v>
      </c>
      <c r="U45" s="53">
        <v>583079.3128269905</v>
      </c>
      <c r="V45" s="53">
        <v>4014844.5170779778</v>
      </c>
    </row>
    <row r="46" spans="1:22">
      <c r="A46" s="40"/>
      <c r="B46" s="40"/>
      <c r="C46" s="46"/>
      <c r="D46" s="46"/>
      <c r="E46" s="46"/>
      <c r="F46" s="46"/>
      <c r="G46" s="46"/>
      <c r="H46" s="46"/>
      <c r="I46" s="46"/>
      <c r="J46" s="46"/>
      <c r="K46" s="46"/>
      <c r="L46" s="46"/>
      <c r="M46" s="46"/>
      <c r="N46" s="46"/>
      <c r="O46" s="46"/>
      <c r="P46" s="46"/>
      <c r="Q46" s="46"/>
      <c r="R46" s="46"/>
      <c r="S46" s="46"/>
      <c r="T46" s="46"/>
      <c r="U46" s="46"/>
      <c r="V46" s="46"/>
    </row>
    <row r="47" spans="1:22">
      <c r="A47" s="39"/>
      <c r="B47" s="40"/>
      <c r="C47" s="40"/>
      <c r="D47" s="40"/>
      <c r="E47" s="40"/>
      <c r="F47" s="40"/>
      <c r="G47" s="40"/>
      <c r="H47" s="40"/>
      <c r="I47" s="40"/>
      <c r="J47" s="40"/>
      <c r="K47" s="40"/>
      <c r="L47" s="40"/>
      <c r="M47" s="40"/>
      <c r="N47" s="40"/>
      <c r="O47" s="40"/>
      <c r="P47" s="40"/>
      <c r="Q47" s="40"/>
      <c r="R47" s="40"/>
      <c r="S47" s="40"/>
      <c r="T47" s="40"/>
      <c r="U47" s="40"/>
      <c r="V47" s="40"/>
    </row>
    <row r="48" spans="1:22">
      <c r="A48" s="40"/>
      <c r="B48" s="40"/>
      <c r="C48" s="40"/>
      <c r="D48" s="40"/>
      <c r="E48" s="40"/>
      <c r="F48" s="40"/>
      <c r="G48" s="40"/>
      <c r="H48" s="40"/>
      <c r="I48" s="40"/>
      <c r="J48" s="40"/>
      <c r="K48" s="40"/>
      <c r="L48" s="40"/>
      <c r="M48" s="40"/>
      <c r="N48" s="40"/>
      <c r="O48" s="40"/>
      <c r="P48" s="40"/>
      <c r="Q48" s="40"/>
      <c r="R48" s="40"/>
      <c r="S48" s="40"/>
      <c r="T48" s="40"/>
      <c r="U48" s="40"/>
      <c r="V48" s="40"/>
    </row>
    <row r="49" spans="1:22" ht="12" thickBot="1"/>
    <row r="50" spans="1:22" ht="16.5" thickBot="1">
      <c r="A50" s="117" t="s">
        <v>58</v>
      </c>
      <c r="B50" s="118">
        <v>9.8500000000000004E-2</v>
      </c>
      <c r="C50" s="40"/>
      <c r="D50" s="40"/>
      <c r="E50" s="40"/>
      <c r="F50" s="40"/>
      <c r="G50" s="40"/>
      <c r="H50" s="40"/>
      <c r="I50" s="40"/>
      <c r="J50" s="40"/>
      <c r="K50" s="40"/>
      <c r="L50" s="40"/>
      <c r="M50" s="40"/>
      <c r="N50" s="40"/>
      <c r="O50" s="40"/>
      <c r="P50" s="40"/>
      <c r="Q50" s="40"/>
      <c r="R50" s="40"/>
      <c r="S50" s="40"/>
      <c r="T50" s="40"/>
      <c r="U50" s="40"/>
      <c r="V50" s="40"/>
    </row>
    <row r="51" spans="1:22">
      <c r="A51" s="40"/>
      <c r="B51" s="55"/>
      <c r="C51" s="40"/>
      <c r="D51" s="40"/>
      <c r="E51" s="40"/>
      <c r="F51" s="40"/>
      <c r="G51" s="40"/>
      <c r="H51" s="40"/>
      <c r="I51" s="40"/>
      <c r="J51" s="40"/>
      <c r="K51" s="40"/>
      <c r="L51" s="40"/>
      <c r="M51" s="56"/>
      <c r="N51" s="40"/>
      <c r="O51" s="40"/>
      <c r="P51" s="40"/>
      <c r="Q51" s="40"/>
      <c r="R51" s="40"/>
      <c r="S51" s="40"/>
      <c r="T51" s="40"/>
      <c r="U51" s="40"/>
      <c r="V51" s="40"/>
    </row>
    <row r="52" spans="1:22">
      <c r="A52" s="40"/>
      <c r="B52" s="55"/>
      <c r="C52" s="40"/>
      <c r="D52" s="40"/>
      <c r="E52" s="40"/>
      <c r="F52" s="40"/>
      <c r="G52" s="40"/>
      <c r="H52" s="40"/>
      <c r="I52" s="40"/>
      <c r="J52" s="40"/>
      <c r="K52" s="40"/>
      <c r="L52" s="40"/>
      <c r="M52" s="56"/>
      <c r="N52" s="40"/>
      <c r="O52" s="40"/>
      <c r="P52" s="40"/>
      <c r="Q52" s="40"/>
      <c r="R52" s="40"/>
      <c r="S52" s="40"/>
      <c r="T52" s="40"/>
      <c r="U52" s="40"/>
      <c r="V52" s="40"/>
    </row>
    <row r="53" spans="1:22">
      <c r="A53" s="40"/>
      <c r="B53" s="40"/>
      <c r="C53" s="40"/>
      <c r="D53" s="40"/>
      <c r="E53" s="40"/>
      <c r="F53" s="40"/>
      <c r="G53" s="40"/>
      <c r="H53" s="40"/>
      <c r="I53" s="40"/>
      <c r="J53" s="40"/>
      <c r="K53" s="40"/>
      <c r="L53" s="40"/>
      <c r="M53" s="40"/>
      <c r="N53" s="40"/>
      <c r="O53" s="40"/>
      <c r="P53" s="40"/>
      <c r="Q53" s="40"/>
      <c r="R53" s="40"/>
      <c r="S53" s="40"/>
      <c r="T53" s="40"/>
      <c r="U53" s="40"/>
      <c r="V53" s="40"/>
    </row>
    <row r="54" spans="1:22" ht="18">
      <c r="A54" s="116" t="s">
        <v>115</v>
      </c>
      <c r="B54" s="40"/>
      <c r="C54" s="40"/>
      <c r="D54" s="40"/>
      <c r="E54" s="40"/>
      <c r="F54" s="40"/>
      <c r="G54" s="40"/>
      <c r="H54" s="40"/>
      <c r="I54" s="40"/>
      <c r="J54" s="40"/>
      <c r="K54" s="40"/>
      <c r="L54" s="40"/>
      <c r="M54" s="40"/>
      <c r="N54" s="40"/>
      <c r="O54" s="40"/>
      <c r="P54" s="40"/>
      <c r="Q54" s="40"/>
      <c r="R54" s="40"/>
      <c r="S54" s="40"/>
      <c r="T54" s="40"/>
      <c r="U54" s="40"/>
      <c r="V54" s="40"/>
    </row>
    <row r="55" spans="1:22">
      <c r="A55" s="57" t="s">
        <v>84</v>
      </c>
      <c r="B55" s="58"/>
      <c r="C55" s="59">
        <v>785817.06544738333</v>
      </c>
      <c r="D55" s="60">
        <v>1055158.5287473833</v>
      </c>
      <c r="E55" s="60">
        <v>1321075.3086673834</v>
      </c>
      <c r="F55" s="60">
        <v>1560109.9746673834</v>
      </c>
      <c r="G55" s="60">
        <v>1794663.5206673834</v>
      </c>
      <c r="H55" s="60">
        <v>1243511.3035533333</v>
      </c>
      <c r="I55" s="60">
        <v>1208723.3862533332</v>
      </c>
      <c r="J55" s="60">
        <v>1177360.1523333334</v>
      </c>
      <c r="K55" s="60">
        <v>1172879.0323333333</v>
      </c>
      <c r="L55" s="60">
        <v>1194879.0323333333</v>
      </c>
      <c r="M55" s="60">
        <v>1210967.2011133332</v>
      </c>
      <c r="N55" s="60">
        <v>1245755.1184133333</v>
      </c>
      <c r="O55" s="60">
        <v>1277118.3523333333</v>
      </c>
      <c r="P55" s="60">
        <v>1281599.4723333332</v>
      </c>
      <c r="Q55" s="60">
        <v>1259599.4723333332</v>
      </c>
      <c r="R55" s="60">
        <v>1243511.3035533333</v>
      </c>
      <c r="S55" s="60">
        <v>1208723.3862533332</v>
      </c>
      <c r="T55" s="60">
        <v>1177360.1523333334</v>
      </c>
      <c r="U55" s="60">
        <v>1172879.0323333333</v>
      </c>
      <c r="V55" s="61">
        <v>1172879.0323333333</v>
      </c>
    </row>
    <row r="56" spans="1:22">
      <c r="A56" s="62" t="s">
        <v>85</v>
      </c>
      <c r="B56" s="63"/>
      <c r="C56" s="65">
        <v>756417.59433405008</v>
      </c>
      <c r="D56" s="65">
        <v>990971.14033405005</v>
      </c>
      <c r="E56" s="65">
        <v>1225524.68633405</v>
      </c>
      <c r="F56" s="65">
        <v>1460078.2323340501</v>
      </c>
      <c r="G56" s="65">
        <v>1694631.7783340502</v>
      </c>
      <c r="H56" s="65">
        <v>1172767.73</v>
      </c>
      <c r="I56" s="65">
        <v>1172767.73</v>
      </c>
      <c r="J56" s="65">
        <v>1172767.73</v>
      </c>
      <c r="K56" s="65">
        <v>1172767.73</v>
      </c>
      <c r="L56" s="65">
        <v>1172767.73</v>
      </c>
      <c r="M56" s="65">
        <v>1172767.73</v>
      </c>
      <c r="N56" s="65">
        <v>1172767.73</v>
      </c>
      <c r="O56" s="65">
        <v>1172767.73</v>
      </c>
      <c r="P56" s="65">
        <v>1172767.73</v>
      </c>
      <c r="Q56" s="65">
        <v>1172767.73</v>
      </c>
      <c r="R56" s="65">
        <v>1172767.73</v>
      </c>
      <c r="S56" s="65">
        <v>1172767.73</v>
      </c>
      <c r="T56" s="65">
        <v>1172767.73</v>
      </c>
      <c r="U56" s="65">
        <v>1172767.73</v>
      </c>
      <c r="V56" s="66">
        <v>1172767.73</v>
      </c>
    </row>
    <row r="57" spans="1:22">
      <c r="A57" s="67" t="s">
        <v>86</v>
      </c>
      <c r="B57" s="40"/>
      <c r="C57" s="41">
        <v>111.30233333333334</v>
      </c>
      <c r="D57" s="41">
        <v>111.30233333333334</v>
      </c>
      <c r="E57" s="41">
        <v>111.30233333333334</v>
      </c>
      <c r="F57" s="41">
        <v>111.30233333333334</v>
      </c>
      <c r="G57" s="41">
        <v>111.30233333333334</v>
      </c>
      <c r="H57" s="41">
        <v>111.30233333333334</v>
      </c>
      <c r="I57" s="41">
        <v>111.30233333333334</v>
      </c>
      <c r="J57" s="41">
        <v>111.30233333333334</v>
      </c>
      <c r="K57" s="41">
        <v>111.30233333333334</v>
      </c>
      <c r="L57" s="41">
        <v>111.30233333333334</v>
      </c>
      <c r="M57" s="41">
        <v>111.30233333333334</v>
      </c>
      <c r="N57" s="41">
        <v>111.30233333333334</v>
      </c>
      <c r="O57" s="41">
        <v>111.30233333333334</v>
      </c>
      <c r="P57" s="41">
        <v>111.30233333333334</v>
      </c>
      <c r="Q57" s="41">
        <v>111.30233333333334</v>
      </c>
      <c r="R57" s="41">
        <v>111.30233333333334</v>
      </c>
      <c r="S57" s="41">
        <v>111.30233333333334</v>
      </c>
      <c r="T57" s="41">
        <v>111.30233333333334</v>
      </c>
      <c r="U57" s="41">
        <v>111.30233333333334</v>
      </c>
      <c r="V57" s="41">
        <v>111.30233333333334</v>
      </c>
    </row>
    <row r="58" spans="1:22">
      <c r="A58" s="70" t="s">
        <v>87</v>
      </c>
      <c r="B58" s="71"/>
      <c r="C58" s="73">
        <v>29288.16878</v>
      </c>
      <c r="D58" s="73">
        <v>64076.086080000001</v>
      </c>
      <c r="E58" s="73">
        <v>95439.32</v>
      </c>
      <c r="F58" s="73">
        <v>99920.44</v>
      </c>
      <c r="G58" s="73">
        <v>99920.44</v>
      </c>
      <c r="H58" s="73">
        <v>70632.271219999995</v>
      </c>
      <c r="I58" s="73">
        <v>35844.353920000001</v>
      </c>
      <c r="J58" s="73">
        <v>4481.12</v>
      </c>
      <c r="K58" s="73">
        <v>0</v>
      </c>
      <c r="L58" s="73">
        <v>22000</v>
      </c>
      <c r="M58" s="73">
        <v>38088.16878</v>
      </c>
      <c r="N58" s="73">
        <v>72876.086080000008</v>
      </c>
      <c r="O58" s="73">
        <v>104239.31999999999</v>
      </c>
      <c r="P58" s="73">
        <v>108720.44</v>
      </c>
      <c r="Q58" s="73">
        <v>86720.44</v>
      </c>
      <c r="R58" s="73">
        <v>70632.271219999995</v>
      </c>
      <c r="S58" s="73">
        <v>35844.353920000001</v>
      </c>
      <c r="T58" s="73">
        <v>4481.12</v>
      </c>
      <c r="U58" s="73">
        <v>0</v>
      </c>
      <c r="V58" s="74">
        <v>0</v>
      </c>
    </row>
    <row r="88" spans="11:11" ht="12.75">
      <c r="K88" s="119" t="s">
        <v>137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13.xml><?xml version="1.0" encoding="utf-8"?>
<worksheet xmlns="http://schemas.openxmlformats.org/spreadsheetml/2006/main" xmlns:r="http://schemas.openxmlformats.org/officeDocument/2006/relationships">
  <sheetPr codeName="Plan21"/>
  <dimension ref="A1:W87"/>
  <sheetViews>
    <sheetView view="pageBreakPreview" topLeftCell="A43" zoomScale="80" zoomScaleNormal="100" zoomScaleSheetLayoutView="80" workbookViewId="0">
      <selection activeCell="K87" sqref="K87"/>
    </sheetView>
  </sheetViews>
  <sheetFormatPr defaultRowHeight="11.25"/>
  <cols>
    <col min="1" max="1" width="34.85546875" style="2" customWidth="1"/>
    <col min="2" max="2" width="11" style="2" bestFit="1" customWidth="1"/>
    <col min="3" max="3" width="11.42578125" style="2" bestFit="1" customWidth="1"/>
    <col min="4" max="22" width="10.5703125" style="2" customWidth="1"/>
    <col min="23" max="23" width="9.140625" style="2"/>
    <col min="24" max="25" width="9.140625" style="2" customWidth="1"/>
    <col min="26" max="16384" width="9.140625" style="2"/>
  </cols>
  <sheetData>
    <row r="1" spans="1:22" ht="24" customHeight="1">
      <c r="A1" s="93" t="s">
        <v>95</v>
      </c>
    </row>
    <row r="4" spans="1:22" ht="18">
      <c r="A4" s="93" t="s">
        <v>112</v>
      </c>
    </row>
    <row r="5" spans="1:22" ht="15.75">
      <c r="A5" s="105" t="s">
        <v>122</v>
      </c>
    </row>
    <row r="6" spans="1:22" ht="15.75">
      <c r="A6" s="105" t="s">
        <v>113</v>
      </c>
    </row>
    <row r="7" spans="1:22" ht="12.75">
      <c r="A7" s="106" t="s">
        <v>57</v>
      </c>
      <c r="B7" s="107"/>
      <c r="C7" s="108">
        <v>10</v>
      </c>
    </row>
    <row r="8" spans="1:22" ht="12.75">
      <c r="A8" s="109" t="s">
        <v>59</v>
      </c>
      <c r="B8" s="110"/>
      <c r="C8" s="123">
        <v>52013.801410945634</v>
      </c>
    </row>
    <row r="9" spans="1:22" ht="12.75">
      <c r="A9" s="112"/>
      <c r="B9" s="112"/>
      <c r="C9" s="113"/>
    </row>
    <row r="10" spans="1:22" ht="12.75">
      <c r="A10" s="106" t="s">
        <v>60</v>
      </c>
      <c r="B10" s="107"/>
      <c r="C10" s="114">
        <v>45269.090806279622</v>
      </c>
    </row>
    <row r="11" spans="1:22" ht="12.75">
      <c r="A11" s="106" t="s">
        <v>61</v>
      </c>
      <c r="B11" s="107"/>
      <c r="C11" s="114">
        <v>13520.58237</v>
      </c>
    </row>
    <row r="12" spans="1:22" ht="12.75">
      <c r="A12" s="106" t="s">
        <v>62</v>
      </c>
      <c r="B12" s="107"/>
      <c r="C12" s="115">
        <v>31748.508436279626</v>
      </c>
    </row>
    <row r="13" spans="1:22" ht="12.75">
      <c r="A13" s="106" t="s">
        <v>63</v>
      </c>
      <c r="B13" s="107"/>
      <c r="C13" s="114">
        <v>17711.196957141961</v>
      </c>
    </row>
    <row r="14" spans="1:22">
      <c r="A14" s="40"/>
      <c r="B14" s="40"/>
      <c r="C14" s="41"/>
    </row>
    <row r="15" spans="1:22" ht="18">
      <c r="A15" s="116" t="s">
        <v>114</v>
      </c>
      <c r="C15" s="41"/>
      <c r="D15" s="28"/>
      <c r="V15" s="42" t="s">
        <v>64</v>
      </c>
    </row>
    <row r="16" spans="1:22">
      <c r="A16" s="43"/>
      <c r="B16" s="43" t="s">
        <v>3</v>
      </c>
      <c r="C16" s="43" t="s">
        <v>4</v>
      </c>
      <c r="D16" s="43" t="s">
        <v>5</v>
      </c>
      <c r="E16" s="43" t="s">
        <v>6</v>
      </c>
      <c r="F16" s="43" t="s">
        <v>7</v>
      </c>
      <c r="G16" s="43" t="s">
        <v>8</v>
      </c>
      <c r="H16" s="43" t="s">
        <v>9</v>
      </c>
      <c r="I16" s="43" t="s">
        <v>10</v>
      </c>
      <c r="J16" s="43" t="s">
        <v>11</v>
      </c>
      <c r="K16" s="43" t="s">
        <v>12</v>
      </c>
      <c r="L16" s="43" t="s">
        <v>13</v>
      </c>
      <c r="M16" s="43" t="s">
        <v>14</v>
      </c>
      <c r="N16" s="43" t="s">
        <v>15</v>
      </c>
      <c r="O16" s="43" t="s">
        <v>16</v>
      </c>
      <c r="P16" s="43" t="s">
        <v>17</v>
      </c>
      <c r="Q16" s="43" t="s">
        <v>18</v>
      </c>
      <c r="R16" s="43" t="s">
        <v>19</v>
      </c>
      <c r="S16" s="43" t="s">
        <v>20</v>
      </c>
      <c r="T16" s="43" t="s">
        <v>21</v>
      </c>
      <c r="U16" s="43" t="s">
        <v>22</v>
      </c>
      <c r="V16" s="43" t="s">
        <v>23</v>
      </c>
    </row>
    <row r="17" spans="1:22">
      <c r="A17" s="40" t="s">
        <v>65</v>
      </c>
      <c r="B17" s="40"/>
      <c r="C17" s="41">
        <v>6241656.1693134755</v>
      </c>
      <c r="D17" s="41">
        <v>6241656.1693134755</v>
      </c>
      <c r="E17" s="41">
        <v>6241656.1693134755</v>
      </c>
      <c r="F17" s="41">
        <v>6241656.1693134755</v>
      </c>
      <c r="G17" s="41">
        <v>6241656.1693134755</v>
      </c>
      <c r="H17" s="41">
        <v>6241656.1693134755</v>
      </c>
      <c r="I17" s="41">
        <v>6241656.1693134755</v>
      </c>
      <c r="J17" s="41">
        <v>6241656.1693134755</v>
      </c>
      <c r="K17" s="41">
        <v>6241656.1693134755</v>
      </c>
      <c r="L17" s="41">
        <v>6241656.1693134755</v>
      </c>
      <c r="M17" s="41">
        <v>6241656.1693134755</v>
      </c>
      <c r="N17" s="41">
        <v>6241656.1693134755</v>
      </c>
      <c r="O17" s="41">
        <v>6241656.1693134755</v>
      </c>
      <c r="P17" s="41">
        <v>6241656.1693134755</v>
      </c>
      <c r="Q17" s="41">
        <v>6241656.1693134755</v>
      </c>
      <c r="R17" s="41">
        <v>6241656.1693134755</v>
      </c>
      <c r="S17" s="41">
        <v>6241656.1693134755</v>
      </c>
      <c r="T17" s="41">
        <v>6241656.1693134755</v>
      </c>
      <c r="U17" s="41">
        <v>6241656.1693134755</v>
      </c>
      <c r="V17" s="41">
        <v>6241656.1693134755</v>
      </c>
    </row>
    <row r="18" spans="1:22">
      <c r="A18" s="44" t="s">
        <v>66</v>
      </c>
      <c r="B18" s="44"/>
      <c r="C18" s="45">
        <v>124833.12338626951</v>
      </c>
      <c r="D18" s="45">
        <v>124833.12338626951</v>
      </c>
      <c r="E18" s="45">
        <v>124833.12338626951</v>
      </c>
      <c r="F18" s="45">
        <v>124833.12338626951</v>
      </c>
      <c r="G18" s="45">
        <v>124833.12338626951</v>
      </c>
      <c r="H18" s="45">
        <v>124833.12338626951</v>
      </c>
      <c r="I18" s="45">
        <v>124833.12338626951</v>
      </c>
      <c r="J18" s="45">
        <v>124833.12338626951</v>
      </c>
      <c r="K18" s="45">
        <v>124833.12338626951</v>
      </c>
      <c r="L18" s="45">
        <v>124833.12338626951</v>
      </c>
      <c r="M18" s="45">
        <v>124833.12338626951</v>
      </c>
      <c r="N18" s="45">
        <v>124833.12338626951</v>
      </c>
      <c r="O18" s="45">
        <v>124833.12338626951</v>
      </c>
      <c r="P18" s="45">
        <v>124833.12338626951</v>
      </c>
      <c r="Q18" s="45">
        <v>124833.12338626951</v>
      </c>
      <c r="R18" s="45">
        <v>124833.12338626951</v>
      </c>
      <c r="S18" s="45">
        <v>124833.12338626951</v>
      </c>
      <c r="T18" s="45">
        <v>124833.12338626951</v>
      </c>
      <c r="U18" s="45">
        <v>124833.12338626951</v>
      </c>
      <c r="V18" s="45">
        <v>124833.12338626951</v>
      </c>
    </row>
    <row r="19" spans="1:22">
      <c r="A19" s="40" t="s">
        <v>67</v>
      </c>
      <c r="B19" s="40"/>
      <c r="C19" s="46">
        <v>6116823.0459272061</v>
      </c>
      <c r="D19" s="46">
        <v>6116823.0459272061</v>
      </c>
      <c r="E19" s="46">
        <v>6116823.0459272061</v>
      </c>
      <c r="F19" s="46">
        <v>6116823.0459272061</v>
      </c>
      <c r="G19" s="46">
        <v>6116823.0459272061</v>
      </c>
      <c r="H19" s="46">
        <v>6116823.0459272061</v>
      </c>
      <c r="I19" s="46">
        <v>6116823.0459272061</v>
      </c>
      <c r="J19" s="46">
        <v>6116823.0459272061</v>
      </c>
      <c r="K19" s="46">
        <v>6116823.0459272061</v>
      </c>
      <c r="L19" s="46">
        <v>6116823.0459272061</v>
      </c>
      <c r="M19" s="46">
        <v>6116823.0459272061</v>
      </c>
      <c r="N19" s="46">
        <v>6116823.0459272061</v>
      </c>
      <c r="O19" s="46">
        <v>6116823.0459272061</v>
      </c>
      <c r="P19" s="46">
        <v>6116823.0459272061</v>
      </c>
      <c r="Q19" s="46">
        <v>6116823.0459272061</v>
      </c>
      <c r="R19" s="46">
        <v>6116823.0459272061</v>
      </c>
      <c r="S19" s="46">
        <v>6116823.0459272061</v>
      </c>
      <c r="T19" s="46">
        <v>6116823.0459272061</v>
      </c>
      <c r="U19" s="46">
        <v>6116823.0459272061</v>
      </c>
      <c r="V19" s="46">
        <v>6116823.0459272061</v>
      </c>
    </row>
    <row r="20" spans="1:22">
      <c r="A20" s="40"/>
      <c r="B20" s="40"/>
      <c r="C20" s="40"/>
      <c r="D20" s="40"/>
      <c r="E20" s="40"/>
      <c r="F20" s="40"/>
      <c r="G20" s="40"/>
      <c r="H20" s="40"/>
      <c r="I20" s="40"/>
      <c r="J20" s="40"/>
      <c r="K20" s="40"/>
      <c r="L20" s="40"/>
      <c r="M20" s="40"/>
      <c r="N20" s="40"/>
      <c r="O20" s="40"/>
      <c r="P20" s="40"/>
      <c r="Q20" s="40"/>
      <c r="R20" s="40"/>
      <c r="S20" s="40"/>
      <c r="T20" s="40"/>
      <c r="U20" s="40"/>
      <c r="V20" s="40"/>
    </row>
    <row r="21" spans="1:22">
      <c r="A21" s="44" t="s">
        <v>68</v>
      </c>
      <c r="B21" s="44"/>
      <c r="C21" s="45">
        <v>5616406.0663249753</v>
      </c>
      <c r="D21" s="45">
        <v>5616406.0663249753</v>
      </c>
      <c r="E21" s="45">
        <v>5616406.0663249753</v>
      </c>
      <c r="F21" s="45">
        <v>5623808.8663249752</v>
      </c>
      <c r="G21" s="45">
        <v>5623808.8663249752</v>
      </c>
      <c r="H21" s="45">
        <v>5623808.8663249752</v>
      </c>
      <c r="I21" s="45">
        <v>5623808.8663249752</v>
      </c>
      <c r="J21" s="45">
        <v>5623808.8663249752</v>
      </c>
      <c r="K21" s="45">
        <v>5623808.8663249752</v>
      </c>
      <c r="L21" s="45">
        <v>5623808.8663249752</v>
      </c>
      <c r="M21" s="47">
        <v>5616406.0663249753</v>
      </c>
      <c r="N21" s="47">
        <v>5616406.0663249753</v>
      </c>
      <c r="O21" s="47">
        <v>5616406.0663249753</v>
      </c>
      <c r="P21" s="47">
        <v>5623808.8663249752</v>
      </c>
      <c r="Q21" s="47">
        <v>5623808.8663249752</v>
      </c>
      <c r="R21" s="47">
        <v>5623808.8663249752</v>
      </c>
      <c r="S21" s="47">
        <v>5623808.8663249752</v>
      </c>
      <c r="T21" s="47">
        <v>5623808.8663249752</v>
      </c>
      <c r="U21" s="47">
        <v>5623808.8663249752</v>
      </c>
      <c r="V21" s="47">
        <v>5623808.8663249752</v>
      </c>
    </row>
    <row r="22" spans="1:22">
      <c r="A22" s="40"/>
      <c r="B22" s="40"/>
      <c r="C22" s="40"/>
      <c r="D22" s="40"/>
      <c r="E22" s="40"/>
      <c r="F22" s="40"/>
      <c r="G22" s="40"/>
      <c r="H22" s="40"/>
      <c r="I22" s="40"/>
      <c r="J22" s="40"/>
      <c r="K22" s="40"/>
      <c r="L22" s="40"/>
      <c r="M22" s="40"/>
      <c r="N22" s="40"/>
      <c r="O22" s="40"/>
      <c r="P22" s="40"/>
      <c r="Q22" s="40"/>
      <c r="R22" s="40"/>
      <c r="S22" s="40"/>
      <c r="T22" s="40"/>
      <c r="U22" s="40"/>
      <c r="V22" s="40"/>
    </row>
    <row r="23" spans="1:22">
      <c r="A23" s="40" t="s">
        <v>69</v>
      </c>
      <c r="B23" s="40"/>
      <c r="C23" s="41">
        <v>75964.956737424247</v>
      </c>
      <c r="D23" s="41">
        <v>100539.19023742423</v>
      </c>
      <c r="E23" s="41">
        <v>114074.58795742423</v>
      </c>
      <c r="F23" s="41">
        <v>116315.14795742423</v>
      </c>
      <c r="G23" s="41">
        <v>116315.14795742423</v>
      </c>
      <c r="H23" s="41">
        <v>93626.979177424248</v>
      </c>
      <c r="I23" s="41">
        <v>69052.745677424246</v>
      </c>
      <c r="J23" s="41">
        <v>55517.347957424237</v>
      </c>
      <c r="K23" s="41">
        <v>53276.78795742424</v>
      </c>
      <c r="L23" s="41">
        <v>64276.78795742424</v>
      </c>
      <c r="M23" s="41">
        <v>80364.956737424247</v>
      </c>
      <c r="N23" s="41">
        <v>849168.70461333334</v>
      </c>
      <c r="O23" s="41">
        <v>862704.10233333334</v>
      </c>
      <c r="P23" s="41">
        <v>864944.66233333328</v>
      </c>
      <c r="Q23" s="41">
        <v>853944.66233333328</v>
      </c>
      <c r="R23" s="41">
        <v>837856.49355333333</v>
      </c>
      <c r="S23" s="41">
        <v>813282.26005333324</v>
      </c>
      <c r="T23" s="41">
        <v>799746.86233333335</v>
      </c>
      <c r="U23" s="41">
        <v>797506.3023333333</v>
      </c>
      <c r="V23" s="41">
        <v>797506.3023333333</v>
      </c>
    </row>
    <row r="24" spans="1:22">
      <c r="A24" s="40"/>
      <c r="B24" s="40"/>
      <c r="C24" s="40"/>
      <c r="D24" s="40"/>
      <c r="E24" s="40"/>
      <c r="F24" s="40"/>
      <c r="G24" s="40"/>
      <c r="H24" s="40"/>
      <c r="I24" s="40"/>
      <c r="J24" s="40"/>
      <c r="K24" s="40"/>
      <c r="L24" s="40"/>
      <c r="M24" s="40"/>
      <c r="N24" s="40"/>
      <c r="O24" s="40"/>
      <c r="P24" s="40"/>
      <c r="Q24" s="40"/>
      <c r="R24" s="40"/>
      <c r="S24" s="40"/>
      <c r="T24" s="40"/>
      <c r="U24" s="40"/>
      <c r="V24" s="40"/>
    </row>
    <row r="25" spans="1:22">
      <c r="A25" s="44" t="s">
        <v>70</v>
      </c>
      <c r="B25" s="44"/>
      <c r="C25" s="47">
        <v>424452.02286480647</v>
      </c>
      <c r="D25" s="47">
        <v>399877.78936480649</v>
      </c>
      <c r="E25" s="47">
        <v>386342.39164480648</v>
      </c>
      <c r="F25" s="47">
        <v>376699.03164480667</v>
      </c>
      <c r="G25" s="47">
        <v>376699.03164480667</v>
      </c>
      <c r="H25" s="47">
        <v>399387.20042480668</v>
      </c>
      <c r="I25" s="47">
        <v>423961.43392480665</v>
      </c>
      <c r="J25" s="47">
        <v>437496.83164480666</v>
      </c>
      <c r="K25" s="47">
        <v>439737.39164480666</v>
      </c>
      <c r="L25" s="47">
        <v>428737.39164480666</v>
      </c>
      <c r="M25" s="47">
        <v>420052.02286480647</v>
      </c>
      <c r="N25" s="47">
        <v>-348751.72501110262</v>
      </c>
      <c r="O25" s="47">
        <v>-362287.12273110263</v>
      </c>
      <c r="P25" s="47">
        <v>-371930.48273110238</v>
      </c>
      <c r="Q25" s="47">
        <v>-360930.48273110238</v>
      </c>
      <c r="R25" s="47">
        <v>-344842.31395110243</v>
      </c>
      <c r="S25" s="47">
        <v>-320268.08045110235</v>
      </c>
      <c r="T25" s="47">
        <v>-306732.68273110245</v>
      </c>
      <c r="U25" s="47">
        <v>-304492.1227311024</v>
      </c>
      <c r="V25" s="47">
        <v>-304492.1227311024</v>
      </c>
    </row>
    <row r="26" spans="1:22">
      <c r="A26" s="40"/>
      <c r="B26" s="40"/>
      <c r="C26" s="40"/>
      <c r="D26" s="40"/>
      <c r="E26" s="40"/>
      <c r="F26" s="40"/>
      <c r="G26" s="40"/>
      <c r="H26" s="40"/>
      <c r="I26" s="40"/>
      <c r="J26" s="40"/>
      <c r="K26" s="40"/>
      <c r="L26" s="40"/>
      <c r="M26" s="40"/>
      <c r="N26" s="40"/>
      <c r="O26" s="40"/>
      <c r="P26" s="40"/>
      <c r="Q26" s="40"/>
      <c r="R26" s="40"/>
      <c r="S26" s="40"/>
      <c r="T26" s="40"/>
      <c r="U26" s="40"/>
      <c r="V26" s="40"/>
    </row>
    <row r="27" spans="1:22">
      <c r="A27" s="40" t="s">
        <v>71</v>
      </c>
      <c r="B27" s="40"/>
      <c r="C27" s="41">
        <v>144313.68777403422</v>
      </c>
      <c r="D27" s="41">
        <v>135958.44838403421</v>
      </c>
      <c r="E27" s="41">
        <v>131356.41315923422</v>
      </c>
      <c r="F27" s="41">
        <v>128077.67075923427</v>
      </c>
      <c r="G27" s="41">
        <v>128077.67075923427</v>
      </c>
      <c r="H27" s="41">
        <v>135791.64814443429</v>
      </c>
      <c r="I27" s="41">
        <v>144146.88753443427</v>
      </c>
      <c r="J27" s="41">
        <v>148748.92275923426</v>
      </c>
      <c r="K27" s="41">
        <v>149510.71315923426</v>
      </c>
      <c r="L27" s="41">
        <v>145770.71315923426</v>
      </c>
      <c r="M27" s="41">
        <v>142817.68777403422</v>
      </c>
      <c r="N27" s="41">
        <v>0</v>
      </c>
      <c r="O27" s="41">
        <v>0</v>
      </c>
      <c r="P27" s="41">
        <v>0</v>
      </c>
      <c r="Q27" s="41">
        <v>0</v>
      </c>
      <c r="R27" s="41">
        <v>0</v>
      </c>
      <c r="S27" s="41">
        <v>0</v>
      </c>
      <c r="T27" s="41">
        <v>0</v>
      </c>
      <c r="U27" s="41">
        <v>0</v>
      </c>
      <c r="V27" s="41">
        <v>0</v>
      </c>
    </row>
    <row r="28" spans="1:22">
      <c r="A28" s="40"/>
      <c r="B28" s="40"/>
      <c r="C28" s="40"/>
      <c r="D28" s="40"/>
      <c r="E28" s="40"/>
      <c r="F28" s="40"/>
      <c r="G28" s="40"/>
      <c r="H28" s="40"/>
      <c r="I28" s="40"/>
      <c r="J28" s="40"/>
      <c r="K28" s="40"/>
      <c r="L28" s="40"/>
      <c r="M28" s="40"/>
      <c r="N28" s="40"/>
      <c r="O28" s="40"/>
      <c r="P28" s="40"/>
      <c r="Q28" s="40"/>
      <c r="R28" s="40"/>
      <c r="S28" s="40"/>
      <c r="T28" s="40"/>
      <c r="U28" s="40"/>
      <c r="V28" s="40"/>
    </row>
    <row r="29" spans="1:22">
      <c r="A29" s="44" t="s">
        <v>72</v>
      </c>
      <c r="B29" s="44"/>
      <c r="C29" s="47">
        <v>280138.33509077225</v>
      </c>
      <c r="D29" s="47">
        <v>263919.34098077228</v>
      </c>
      <c r="E29" s="47">
        <v>254985.97848557227</v>
      </c>
      <c r="F29" s="47">
        <v>248621.36088557239</v>
      </c>
      <c r="G29" s="47">
        <v>248621.36088557239</v>
      </c>
      <c r="H29" s="47">
        <v>263595.55228037236</v>
      </c>
      <c r="I29" s="47">
        <v>279814.54639037239</v>
      </c>
      <c r="J29" s="47">
        <v>288747.9088855724</v>
      </c>
      <c r="K29" s="47">
        <v>290226.6784855724</v>
      </c>
      <c r="L29" s="47">
        <v>282966.6784855724</v>
      </c>
      <c r="M29" s="47">
        <v>277234.33509077225</v>
      </c>
      <c r="N29" s="47">
        <v>-348751.72501110262</v>
      </c>
      <c r="O29" s="47">
        <v>-362287.12273110263</v>
      </c>
      <c r="P29" s="47">
        <v>-371930.48273110238</v>
      </c>
      <c r="Q29" s="47">
        <v>-360930.48273110238</v>
      </c>
      <c r="R29" s="47">
        <v>-344842.31395110243</v>
      </c>
      <c r="S29" s="47">
        <v>-320268.08045110235</v>
      </c>
      <c r="T29" s="47">
        <v>-306732.68273110245</v>
      </c>
      <c r="U29" s="47">
        <v>-304492.1227311024</v>
      </c>
      <c r="V29" s="47">
        <v>-304492.1227311024</v>
      </c>
    </row>
    <row r="30" spans="1:22">
      <c r="A30" s="40"/>
      <c r="B30" s="40"/>
      <c r="C30" s="40"/>
      <c r="D30" s="40"/>
      <c r="E30" s="40"/>
      <c r="F30" s="40"/>
      <c r="G30" s="40"/>
      <c r="H30" s="40"/>
      <c r="I30" s="40"/>
      <c r="J30" s="40"/>
      <c r="K30" s="40"/>
      <c r="L30" s="40"/>
      <c r="M30" s="40"/>
      <c r="N30" s="40"/>
      <c r="O30" s="40"/>
      <c r="P30" s="40"/>
      <c r="Q30" s="40"/>
      <c r="R30" s="40"/>
      <c r="S30" s="40"/>
      <c r="T30" s="40"/>
      <c r="U30" s="40"/>
      <c r="V30" s="40"/>
    </row>
    <row r="31" spans="1:22">
      <c r="A31" s="40" t="s">
        <v>73</v>
      </c>
      <c r="B31" s="40"/>
      <c r="C31" s="41">
        <v>75964.956737424247</v>
      </c>
      <c r="D31" s="41">
        <v>100539.19023742423</v>
      </c>
      <c r="E31" s="41">
        <v>114074.58795742423</v>
      </c>
      <c r="F31" s="41">
        <v>116315.14795742423</v>
      </c>
      <c r="G31" s="41">
        <v>116315.14795742423</v>
      </c>
      <c r="H31" s="41">
        <v>93626.979177424248</v>
      </c>
      <c r="I31" s="41">
        <v>69052.745677424246</v>
      </c>
      <c r="J31" s="41">
        <v>55517.347957424237</v>
      </c>
      <c r="K31" s="41">
        <v>53276.78795742424</v>
      </c>
      <c r="L31" s="41">
        <v>64276.78795742424</v>
      </c>
      <c r="M31" s="41">
        <v>80364.956737424247</v>
      </c>
      <c r="N31" s="41">
        <v>849168.70461333334</v>
      </c>
      <c r="O31" s="41">
        <v>862704.10233333334</v>
      </c>
      <c r="P31" s="41">
        <v>864944.66233333328</v>
      </c>
      <c r="Q31" s="41">
        <v>853944.66233333328</v>
      </c>
      <c r="R31" s="41">
        <v>837856.49355333333</v>
      </c>
      <c r="S31" s="41">
        <v>813282.26005333324</v>
      </c>
      <c r="T31" s="41">
        <v>799746.86233333335</v>
      </c>
      <c r="U31" s="41">
        <v>797506.3023333333</v>
      </c>
      <c r="V31" s="41">
        <v>797506.3023333333</v>
      </c>
    </row>
    <row r="32" spans="1:22">
      <c r="A32" s="40"/>
      <c r="B32" s="40"/>
      <c r="C32" s="40"/>
      <c r="D32" s="40"/>
      <c r="E32" s="40"/>
      <c r="F32" s="40"/>
      <c r="G32" s="40"/>
      <c r="H32" s="40"/>
      <c r="I32" s="40"/>
      <c r="J32" s="40"/>
      <c r="K32" s="40"/>
      <c r="L32" s="40"/>
      <c r="M32" s="40"/>
      <c r="N32" s="40"/>
      <c r="O32" s="40"/>
      <c r="P32" s="40"/>
      <c r="Q32" s="40"/>
      <c r="R32" s="40"/>
      <c r="S32" s="40"/>
      <c r="T32" s="40"/>
      <c r="U32" s="40"/>
      <c r="V32" s="40"/>
    </row>
    <row r="33" spans="1:22">
      <c r="A33" s="44" t="s">
        <v>74</v>
      </c>
      <c r="B33" s="44"/>
      <c r="C33" s="47">
        <v>356103.2918281965</v>
      </c>
      <c r="D33" s="47">
        <v>364458.5312181965</v>
      </c>
      <c r="E33" s="47">
        <v>369060.5664429965</v>
      </c>
      <c r="F33" s="47">
        <v>364936.50884299661</v>
      </c>
      <c r="G33" s="47">
        <v>364936.50884299661</v>
      </c>
      <c r="H33" s="47">
        <v>357222.53145779658</v>
      </c>
      <c r="I33" s="47">
        <v>348867.29206779663</v>
      </c>
      <c r="J33" s="47">
        <v>344265.25684299663</v>
      </c>
      <c r="K33" s="47">
        <v>343503.46644299664</v>
      </c>
      <c r="L33" s="47">
        <v>347243.46644299664</v>
      </c>
      <c r="M33" s="47">
        <v>357599.2918281965</v>
      </c>
      <c r="N33" s="47">
        <v>500416.97960223071</v>
      </c>
      <c r="O33" s="47">
        <v>500416.97960223071</v>
      </c>
      <c r="P33" s="47">
        <v>493014.1796022309</v>
      </c>
      <c r="Q33" s="47">
        <v>493014.1796022309</v>
      </c>
      <c r="R33" s="47">
        <v>493014.1796022309</v>
      </c>
      <c r="S33" s="47">
        <v>493014.1796022309</v>
      </c>
      <c r="T33" s="47">
        <v>493014.1796022309</v>
      </c>
      <c r="U33" s="47">
        <v>493014.1796022309</v>
      </c>
      <c r="V33" s="47">
        <v>493014.1796022309</v>
      </c>
    </row>
    <row r="34" spans="1:22">
      <c r="A34" s="40"/>
      <c r="B34" s="41"/>
      <c r="C34" s="40"/>
      <c r="D34" s="40"/>
      <c r="E34" s="40"/>
      <c r="F34" s="40"/>
      <c r="G34" s="40"/>
      <c r="H34" s="40"/>
      <c r="I34" s="40"/>
      <c r="J34" s="40"/>
      <c r="K34" s="40"/>
      <c r="L34" s="40"/>
      <c r="M34" s="40"/>
      <c r="N34" s="40"/>
      <c r="O34" s="40"/>
      <c r="P34" s="40"/>
      <c r="Q34" s="40"/>
      <c r="R34" s="40"/>
      <c r="S34" s="40"/>
      <c r="T34" s="40"/>
      <c r="U34" s="40"/>
      <c r="V34" s="40"/>
    </row>
    <row r="35" spans="1:22">
      <c r="A35" s="40" t="s">
        <v>75</v>
      </c>
      <c r="B35" s="46">
        <v>699527.51126671187</v>
      </c>
      <c r="C35" s="46">
        <v>80440.843899999993</v>
      </c>
      <c r="D35" s="46">
        <v>122871.1675</v>
      </c>
      <c r="E35" s="46">
        <v>67676.988600000012</v>
      </c>
      <c r="F35" s="46">
        <v>11202.8</v>
      </c>
      <c r="G35" s="46">
        <v>0</v>
      </c>
      <c r="H35" s="46">
        <v>0</v>
      </c>
      <c r="I35" s="46">
        <v>0</v>
      </c>
      <c r="J35" s="46">
        <v>0</v>
      </c>
      <c r="K35" s="46">
        <v>0</v>
      </c>
      <c r="L35" s="46">
        <v>55000</v>
      </c>
      <c r="M35" s="46">
        <v>80440.843899999993</v>
      </c>
      <c r="N35" s="46">
        <v>7299426.1675000004</v>
      </c>
      <c r="O35" s="46">
        <v>67676.988600000012</v>
      </c>
      <c r="P35" s="46">
        <v>11202.8</v>
      </c>
      <c r="Q35" s="46">
        <v>0</v>
      </c>
      <c r="R35" s="46">
        <v>0</v>
      </c>
      <c r="S35" s="46">
        <v>0</v>
      </c>
      <c r="T35" s="46">
        <v>0</v>
      </c>
      <c r="U35" s="46">
        <v>0</v>
      </c>
      <c r="V35" s="46">
        <v>-76937.069401711982</v>
      </c>
    </row>
    <row r="36" spans="1:22">
      <c r="A36" s="48" t="s">
        <v>76</v>
      </c>
      <c r="B36" s="47">
        <v>584820.34186499997</v>
      </c>
      <c r="C36" s="47"/>
      <c r="D36" s="47"/>
      <c r="E36" s="47"/>
      <c r="F36" s="47"/>
      <c r="G36" s="47"/>
      <c r="H36" s="47"/>
      <c r="I36" s="47"/>
      <c r="J36" s="47"/>
      <c r="K36" s="47"/>
      <c r="L36" s="47"/>
      <c r="M36" s="47"/>
      <c r="N36" s="47">
        <v>7176555</v>
      </c>
      <c r="O36" s="47"/>
      <c r="P36" s="47"/>
      <c r="Q36" s="47"/>
      <c r="R36" s="47"/>
      <c r="S36" s="47"/>
      <c r="T36" s="47"/>
      <c r="U36" s="47"/>
      <c r="V36" s="47"/>
    </row>
    <row r="37" spans="1:22">
      <c r="A37" s="49" t="s">
        <v>77</v>
      </c>
      <c r="B37" s="41">
        <v>33000</v>
      </c>
      <c r="C37" s="41">
        <v>80440.843899999993</v>
      </c>
      <c r="D37" s="41">
        <v>122871.1675</v>
      </c>
      <c r="E37" s="41">
        <v>67676.988600000012</v>
      </c>
      <c r="F37" s="41">
        <v>11202.8</v>
      </c>
      <c r="G37" s="41">
        <v>0</v>
      </c>
      <c r="H37" s="41">
        <v>0</v>
      </c>
      <c r="I37" s="41">
        <v>0</v>
      </c>
      <c r="J37" s="41">
        <v>0</v>
      </c>
      <c r="K37" s="41">
        <v>0</v>
      </c>
      <c r="L37" s="41">
        <v>55000</v>
      </c>
      <c r="M37" s="41">
        <v>80440.843899999993</v>
      </c>
      <c r="N37" s="41">
        <v>122871.1675</v>
      </c>
      <c r="O37" s="41">
        <v>67676.988600000012</v>
      </c>
      <c r="P37" s="41">
        <v>11202.8</v>
      </c>
      <c r="Q37" s="41">
        <v>0</v>
      </c>
      <c r="R37" s="41">
        <v>0</v>
      </c>
      <c r="S37" s="41">
        <v>0</v>
      </c>
      <c r="T37" s="41">
        <v>0</v>
      </c>
      <c r="U37" s="41">
        <v>0</v>
      </c>
      <c r="V37" s="41">
        <v>0</v>
      </c>
    </row>
    <row r="38" spans="1:22">
      <c r="A38" s="48" t="s">
        <v>78</v>
      </c>
      <c r="B38" s="45">
        <v>4770.1000000000004</v>
      </c>
      <c r="C38" s="44">
        <v>0</v>
      </c>
      <c r="D38" s="44">
        <v>0</v>
      </c>
      <c r="E38" s="44">
        <v>0</v>
      </c>
      <c r="F38" s="44">
        <v>0</v>
      </c>
      <c r="G38" s="44">
        <v>0</v>
      </c>
      <c r="H38" s="44">
        <v>0</v>
      </c>
      <c r="I38" s="44">
        <v>0</v>
      </c>
      <c r="J38" s="44">
        <v>0</v>
      </c>
      <c r="K38" s="44">
        <v>0</v>
      </c>
      <c r="L38" s="44">
        <v>0</v>
      </c>
      <c r="M38" s="44"/>
      <c r="N38" s="44"/>
      <c r="O38" s="44"/>
      <c r="P38" s="44"/>
      <c r="Q38" s="44"/>
      <c r="R38" s="44"/>
      <c r="S38" s="44"/>
      <c r="T38" s="44"/>
      <c r="U38" s="44"/>
      <c r="V38" s="44"/>
    </row>
    <row r="39" spans="1:22">
      <c r="A39" s="49" t="s">
        <v>79</v>
      </c>
      <c r="B39" s="41">
        <v>76937.069401711982</v>
      </c>
      <c r="C39" s="40">
        <v>0</v>
      </c>
      <c r="D39" s="40">
        <v>0</v>
      </c>
      <c r="E39" s="40">
        <v>0</v>
      </c>
      <c r="F39" s="40">
        <v>0</v>
      </c>
      <c r="G39" s="40">
        <v>0</v>
      </c>
      <c r="H39" s="40">
        <v>0</v>
      </c>
      <c r="I39" s="40">
        <v>0</v>
      </c>
      <c r="J39" s="40">
        <v>0</v>
      </c>
      <c r="K39" s="40">
        <v>0</v>
      </c>
      <c r="L39" s="46">
        <v>0</v>
      </c>
      <c r="M39" s="46">
        <v>0</v>
      </c>
      <c r="N39" s="46">
        <v>0</v>
      </c>
      <c r="O39" s="46">
        <v>0</v>
      </c>
      <c r="P39" s="46">
        <v>0</v>
      </c>
      <c r="Q39" s="46">
        <v>0</v>
      </c>
      <c r="R39" s="46">
        <v>0</v>
      </c>
      <c r="S39" s="46">
        <v>0</v>
      </c>
      <c r="T39" s="46">
        <v>0</v>
      </c>
      <c r="U39" s="46">
        <v>0</v>
      </c>
      <c r="V39" s="46">
        <v>-76937.069401711982</v>
      </c>
    </row>
    <row r="40" spans="1:22">
      <c r="A40" s="40"/>
      <c r="B40" s="40"/>
      <c r="C40" s="40"/>
      <c r="D40" s="40"/>
      <c r="E40" s="40"/>
      <c r="F40" s="40"/>
      <c r="G40" s="40"/>
      <c r="H40" s="40"/>
      <c r="I40" s="40"/>
      <c r="J40" s="40"/>
      <c r="K40" s="40"/>
      <c r="L40" s="40"/>
      <c r="M40" s="40"/>
      <c r="N40" s="40"/>
      <c r="O40" s="40"/>
      <c r="P40" s="40"/>
      <c r="Q40" s="40"/>
      <c r="R40" s="40"/>
      <c r="S40" s="40"/>
      <c r="T40" s="40"/>
      <c r="U40" s="40"/>
      <c r="V40" s="40"/>
    </row>
    <row r="41" spans="1:22">
      <c r="A41" s="44" t="s">
        <v>80</v>
      </c>
      <c r="B41" s="45">
        <v>0</v>
      </c>
      <c r="C41" s="45">
        <v>0</v>
      </c>
      <c r="D41" s="45">
        <v>0</v>
      </c>
      <c r="E41" s="45">
        <v>0</v>
      </c>
      <c r="F41" s="45">
        <v>0</v>
      </c>
      <c r="G41" s="45">
        <v>0</v>
      </c>
      <c r="H41" s="45">
        <v>0</v>
      </c>
      <c r="I41" s="45">
        <v>0</v>
      </c>
      <c r="J41" s="45">
        <v>0</v>
      </c>
      <c r="K41" s="45">
        <v>0</v>
      </c>
      <c r="L41" s="45">
        <v>0</v>
      </c>
      <c r="M41" s="45">
        <v>0</v>
      </c>
      <c r="N41" s="45">
        <v>0</v>
      </c>
      <c r="O41" s="45">
        <v>0</v>
      </c>
      <c r="P41" s="45">
        <v>0</v>
      </c>
      <c r="Q41" s="45">
        <v>0</v>
      </c>
      <c r="R41" s="45">
        <v>0</v>
      </c>
      <c r="S41" s="45">
        <v>0</v>
      </c>
      <c r="T41" s="45">
        <v>0</v>
      </c>
      <c r="U41" s="45">
        <v>0</v>
      </c>
      <c r="V41" s="45">
        <v>2544.0533333333337</v>
      </c>
    </row>
    <row r="42" spans="1:22">
      <c r="A42" s="40" t="s">
        <v>81</v>
      </c>
      <c r="B42" s="40"/>
      <c r="C42" s="46">
        <v>0</v>
      </c>
      <c r="D42" s="46">
        <v>0</v>
      </c>
      <c r="E42" s="46">
        <v>0</v>
      </c>
      <c r="F42" s="46">
        <v>0</v>
      </c>
      <c r="G42" s="46">
        <v>0</v>
      </c>
      <c r="H42" s="46">
        <v>0</v>
      </c>
      <c r="I42" s="46">
        <v>0</v>
      </c>
      <c r="J42" s="46">
        <v>0</v>
      </c>
      <c r="K42" s="46">
        <v>0</v>
      </c>
      <c r="L42" s="46">
        <v>0</v>
      </c>
      <c r="M42" s="46">
        <v>0</v>
      </c>
      <c r="N42" s="46">
        <v>0</v>
      </c>
      <c r="O42" s="46">
        <v>0</v>
      </c>
      <c r="P42" s="46">
        <v>0</v>
      </c>
      <c r="Q42" s="46">
        <v>0</v>
      </c>
      <c r="R42" s="46">
        <v>0</v>
      </c>
      <c r="S42" s="46">
        <v>0</v>
      </c>
      <c r="T42" s="46">
        <v>0</v>
      </c>
      <c r="U42" s="46">
        <v>0</v>
      </c>
      <c r="V42" s="46">
        <v>0</v>
      </c>
    </row>
    <row r="43" spans="1:22">
      <c r="A43" s="44" t="s">
        <v>82</v>
      </c>
      <c r="B43" s="44"/>
      <c r="C43" s="44">
        <v>0</v>
      </c>
      <c r="D43" s="44">
        <v>0</v>
      </c>
      <c r="E43" s="44">
        <v>0</v>
      </c>
      <c r="F43" s="44">
        <v>0</v>
      </c>
      <c r="G43" s="44">
        <v>0</v>
      </c>
      <c r="H43" s="44">
        <v>0</v>
      </c>
      <c r="I43" s="44">
        <v>0</v>
      </c>
      <c r="J43" s="44">
        <v>0</v>
      </c>
      <c r="K43" s="44">
        <v>0</v>
      </c>
      <c r="L43" s="45">
        <v>0</v>
      </c>
      <c r="M43" s="44">
        <v>0</v>
      </c>
      <c r="N43" s="44">
        <v>0</v>
      </c>
      <c r="O43" s="44">
        <v>0</v>
      </c>
      <c r="P43" s="44">
        <v>0</v>
      </c>
      <c r="Q43" s="44">
        <v>0</v>
      </c>
      <c r="R43" s="44">
        <v>0</v>
      </c>
      <c r="S43" s="44">
        <v>0</v>
      </c>
      <c r="T43" s="44">
        <v>0</v>
      </c>
      <c r="U43" s="44">
        <v>0</v>
      </c>
      <c r="V43" s="44">
        <v>2544.0533333333337</v>
      </c>
    </row>
    <row r="44" spans="1:22">
      <c r="A44" s="40"/>
      <c r="B44" s="40"/>
      <c r="C44" s="40"/>
      <c r="D44" s="40"/>
      <c r="E44" s="40"/>
      <c r="F44" s="40"/>
      <c r="G44" s="40"/>
      <c r="H44" s="40"/>
      <c r="I44" s="40"/>
      <c r="J44" s="40"/>
      <c r="K44" s="40"/>
      <c r="L44" s="40"/>
      <c r="M44" s="40"/>
      <c r="N44" s="40"/>
      <c r="O44" s="40"/>
      <c r="P44" s="40"/>
      <c r="Q44" s="40"/>
      <c r="R44" s="40"/>
      <c r="S44" s="40"/>
      <c r="T44" s="40"/>
      <c r="U44" s="40"/>
      <c r="V44" s="40"/>
    </row>
    <row r="45" spans="1:22">
      <c r="A45" s="52" t="s">
        <v>83</v>
      </c>
      <c r="B45" s="53">
        <v>-699527.51126671187</v>
      </c>
      <c r="C45" s="53">
        <v>275662.44792819652</v>
      </c>
      <c r="D45" s="53">
        <v>241587.36371819652</v>
      </c>
      <c r="E45" s="53">
        <v>301383.57784299646</v>
      </c>
      <c r="F45" s="53">
        <v>353733.70884299662</v>
      </c>
      <c r="G45" s="53">
        <v>364936.50884299661</v>
      </c>
      <c r="H45" s="53">
        <v>357222.53145779658</v>
      </c>
      <c r="I45" s="53">
        <v>348867.29206779663</v>
      </c>
      <c r="J45" s="53">
        <v>344265.25684299663</v>
      </c>
      <c r="K45" s="53">
        <v>343503.46644299664</v>
      </c>
      <c r="L45" s="53">
        <v>292243.46644299664</v>
      </c>
      <c r="M45" s="53">
        <v>277158.44792819652</v>
      </c>
      <c r="N45" s="53">
        <v>-6799009.1878977697</v>
      </c>
      <c r="O45" s="53">
        <v>432739.99100223067</v>
      </c>
      <c r="P45" s="53">
        <v>481811.37960223091</v>
      </c>
      <c r="Q45" s="53">
        <v>493014.1796022309</v>
      </c>
      <c r="R45" s="53">
        <v>493014.1796022309</v>
      </c>
      <c r="S45" s="53">
        <v>493014.1796022309</v>
      </c>
      <c r="T45" s="53">
        <v>493014.1796022309</v>
      </c>
      <c r="U45" s="53">
        <v>493014.1796022309</v>
      </c>
      <c r="V45" s="53">
        <v>572495.30233727617</v>
      </c>
    </row>
    <row r="46" spans="1:22">
      <c r="A46" s="40"/>
      <c r="B46" s="40"/>
      <c r="C46" s="76"/>
      <c r="D46" s="76"/>
      <c r="E46" s="76"/>
      <c r="F46" s="76"/>
      <c r="G46" s="76"/>
      <c r="H46" s="76"/>
      <c r="I46" s="76"/>
      <c r="J46" s="76"/>
      <c r="K46" s="76"/>
      <c r="L46" s="76"/>
      <c r="M46" s="40"/>
      <c r="N46" s="40"/>
      <c r="O46" s="40"/>
      <c r="P46" s="40"/>
      <c r="Q46" s="40"/>
      <c r="R46" s="40"/>
      <c r="S46" s="40"/>
      <c r="T46" s="40"/>
      <c r="U46" s="40"/>
      <c r="V46" s="40"/>
    </row>
    <row r="47" spans="1:22">
      <c r="A47" s="39"/>
      <c r="B47" s="41"/>
      <c r="C47" s="40"/>
      <c r="D47" s="40"/>
      <c r="E47" s="40"/>
      <c r="F47" s="40"/>
      <c r="G47" s="40"/>
      <c r="H47" s="40"/>
      <c r="I47" s="40"/>
      <c r="J47" s="40"/>
      <c r="K47" s="40"/>
      <c r="L47" s="40"/>
      <c r="M47" s="40"/>
      <c r="N47" s="40"/>
      <c r="O47" s="40"/>
      <c r="P47" s="40"/>
      <c r="Q47" s="40"/>
      <c r="R47" s="40"/>
      <c r="S47" s="40"/>
      <c r="T47" s="40"/>
      <c r="U47" s="40"/>
      <c r="V47" s="40"/>
    </row>
    <row r="48" spans="1:22">
      <c r="A48" s="40"/>
      <c r="B48" s="46"/>
      <c r="C48" s="46"/>
      <c r="D48" s="46"/>
      <c r="E48" s="46"/>
      <c r="F48" s="46"/>
      <c r="G48" s="46"/>
      <c r="H48" s="46"/>
      <c r="I48" s="46"/>
      <c r="J48" s="46"/>
      <c r="K48" s="46"/>
      <c r="L48" s="46"/>
      <c r="M48" s="46"/>
      <c r="N48" s="46"/>
      <c r="O48" s="46"/>
      <c r="P48" s="46"/>
      <c r="Q48" s="46"/>
      <c r="R48" s="46"/>
      <c r="S48" s="46"/>
      <c r="T48" s="46"/>
      <c r="U48" s="46"/>
      <c r="V48" s="46"/>
    </row>
    <row r="49" spans="1:23" ht="12" thickBot="1"/>
    <row r="50" spans="1:23" ht="16.5" thickBot="1">
      <c r="A50" s="117" t="s">
        <v>58</v>
      </c>
      <c r="B50" s="118">
        <v>9.8500000000000004E-2</v>
      </c>
      <c r="C50" s="55"/>
      <c r="D50" s="40"/>
      <c r="E50" s="40"/>
      <c r="F50" s="40"/>
      <c r="G50" s="40"/>
      <c r="H50" s="41"/>
      <c r="I50" s="40"/>
      <c r="J50" s="40"/>
      <c r="K50" s="40"/>
      <c r="L50" s="40"/>
      <c r="M50" s="40"/>
      <c r="N50" s="40"/>
      <c r="O50" s="40"/>
      <c r="P50" s="40"/>
      <c r="Q50" s="40"/>
      <c r="R50" s="40"/>
      <c r="S50" s="40"/>
      <c r="T50" s="40"/>
      <c r="U50" s="40"/>
      <c r="V50" s="40"/>
    </row>
    <row r="51" spans="1:23">
      <c r="A51" s="40"/>
      <c r="B51" s="55"/>
      <c r="C51" s="40"/>
      <c r="D51" s="40"/>
      <c r="E51" s="40"/>
      <c r="F51" s="40"/>
      <c r="G51" s="40"/>
      <c r="H51" s="46"/>
      <c r="I51" s="40"/>
      <c r="J51" s="40"/>
      <c r="K51" s="40"/>
      <c r="L51" s="40"/>
      <c r="M51" s="76"/>
      <c r="N51" s="40"/>
      <c r="O51" s="40"/>
      <c r="P51" s="40"/>
      <c r="Q51" s="40"/>
      <c r="R51" s="40"/>
      <c r="S51" s="40"/>
      <c r="T51" s="40"/>
      <c r="U51" s="40"/>
      <c r="V51" s="40"/>
    </row>
    <row r="52" spans="1:23">
      <c r="A52" s="40"/>
      <c r="B52" s="55"/>
      <c r="C52" s="40"/>
      <c r="D52" s="40"/>
      <c r="E52" s="40"/>
      <c r="F52" s="40"/>
      <c r="G52" s="40"/>
      <c r="H52" s="41"/>
      <c r="I52" s="40"/>
      <c r="J52" s="40"/>
      <c r="K52" s="40"/>
      <c r="L52" s="40"/>
      <c r="M52" s="40"/>
      <c r="N52" s="40"/>
      <c r="O52" s="40"/>
      <c r="P52" s="40"/>
      <c r="Q52" s="40"/>
      <c r="R52" s="40"/>
      <c r="S52" s="40"/>
      <c r="T52" s="40"/>
      <c r="U52" s="40"/>
      <c r="V52" s="40"/>
    </row>
    <row r="53" spans="1:23">
      <c r="A53" s="40"/>
      <c r="B53" s="40"/>
      <c r="C53" s="40"/>
      <c r="D53" s="40"/>
      <c r="E53" s="40"/>
      <c r="F53" s="40"/>
      <c r="G53" s="40"/>
      <c r="H53" s="40"/>
      <c r="I53" s="40"/>
      <c r="J53" s="40"/>
      <c r="K53" s="40"/>
      <c r="L53" s="40"/>
      <c r="M53" s="40"/>
      <c r="N53" s="40"/>
      <c r="O53" s="40"/>
      <c r="P53" s="40"/>
      <c r="Q53" s="40"/>
      <c r="R53" s="40"/>
      <c r="S53" s="40"/>
      <c r="T53" s="40"/>
      <c r="U53" s="40"/>
      <c r="V53" s="40"/>
    </row>
    <row r="54" spans="1:23" ht="18">
      <c r="A54" s="116" t="s">
        <v>115</v>
      </c>
      <c r="B54" s="40"/>
      <c r="C54" s="40"/>
      <c r="D54" s="40"/>
      <c r="E54" s="40"/>
      <c r="F54" s="40"/>
      <c r="G54" s="40"/>
      <c r="H54" s="40"/>
      <c r="I54" s="40"/>
      <c r="J54" s="40"/>
      <c r="K54" s="40"/>
      <c r="L54" s="40"/>
      <c r="M54" s="40"/>
      <c r="N54" s="40"/>
      <c r="O54" s="40"/>
      <c r="P54" s="40"/>
      <c r="Q54" s="40"/>
      <c r="R54" s="40"/>
      <c r="S54" s="40"/>
      <c r="T54" s="40"/>
      <c r="U54" s="40"/>
      <c r="V54" s="40"/>
    </row>
    <row r="55" spans="1:23">
      <c r="A55" s="57" t="s">
        <v>84</v>
      </c>
      <c r="B55" s="58"/>
      <c r="C55" s="59">
        <v>75964.956737424247</v>
      </c>
      <c r="D55" s="60">
        <v>100539.19023742423</v>
      </c>
      <c r="E55" s="60">
        <v>114074.58795742423</v>
      </c>
      <c r="F55" s="60">
        <v>116315.14795742423</v>
      </c>
      <c r="G55" s="60">
        <v>116315.14795742423</v>
      </c>
      <c r="H55" s="60">
        <v>93626.979177424248</v>
      </c>
      <c r="I55" s="60">
        <v>69052.745677424246</v>
      </c>
      <c r="J55" s="60">
        <v>55517.347957424237</v>
      </c>
      <c r="K55" s="60">
        <v>53276.78795742424</v>
      </c>
      <c r="L55" s="60">
        <v>64276.78795742424</v>
      </c>
      <c r="M55" s="60">
        <v>80364.956737424247</v>
      </c>
      <c r="N55" s="60">
        <v>849168.70461333334</v>
      </c>
      <c r="O55" s="60">
        <v>862704.10233333334</v>
      </c>
      <c r="P55" s="61">
        <v>864944.66233333328</v>
      </c>
      <c r="Q55" s="61">
        <v>853944.66233333328</v>
      </c>
      <c r="R55" s="61">
        <v>837856.49355333333</v>
      </c>
      <c r="S55" s="61">
        <v>813282.26005333324</v>
      </c>
      <c r="T55" s="61">
        <v>799746.86233333335</v>
      </c>
      <c r="U55" s="61">
        <v>797506.3023333333</v>
      </c>
      <c r="V55" s="61">
        <v>797506.3023333333</v>
      </c>
      <c r="W55" s="61">
        <v>0</v>
      </c>
    </row>
    <row r="56" spans="1:23">
      <c r="A56" s="62" t="s">
        <v>85</v>
      </c>
      <c r="B56" s="63"/>
      <c r="C56" s="65">
        <v>53165.485624090907</v>
      </c>
      <c r="D56" s="65">
        <v>53165.485624090907</v>
      </c>
      <c r="E56" s="65">
        <v>53165.485624090907</v>
      </c>
      <c r="F56" s="65">
        <v>53165.485624090907</v>
      </c>
      <c r="G56" s="65">
        <v>53165.485624090907</v>
      </c>
      <c r="H56" s="65">
        <v>53165.485624090907</v>
      </c>
      <c r="I56" s="65">
        <v>53165.485624090907</v>
      </c>
      <c r="J56" s="65">
        <v>53165.485624090907</v>
      </c>
      <c r="K56" s="65">
        <v>53165.485624090907</v>
      </c>
      <c r="L56" s="65">
        <v>53165.485624090907</v>
      </c>
      <c r="M56" s="65">
        <v>53165.485624090907</v>
      </c>
      <c r="N56" s="65">
        <v>797395</v>
      </c>
      <c r="O56" s="65">
        <v>797395</v>
      </c>
      <c r="P56" s="65">
        <v>797395</v>
      </c>
      <c r="Q56" s="65">
        <v>797395</v>
      </c>
      <c r="R56" s="65">
        <v>797395</v>
      </c>
      <c r="S56" s="65">
        <v>797395</v>
      </c>
      <c r="T56" s="65">
        <v>797395</v>
      </c>
      <c r="U56" s="65">
        <v>797395</v>
      </c>
      <c r="V56" s="66">
        <v>797395</v>
      </c>
    </row>
    <row r="57" spans="1:23">
      <c r="A57" s="67" t="s">
        <v>86</v>
      </c>
      <c r="B57" s="40"/>
      <c r="C57" s="41">
        <v>111.30233333333334</v>
      </c>
      <c r="D57" s="41">
        <v>111.30233333333334</v>
      </c>
      <c r="E57" s="41">
        <v>111.30233333333334</v>
      </c>
      <c r="F57" s="41">
        <v>111.30233333333334</v>
      </c>
      <c r="G57" s="41">
        <v>111.30233333333334</v>
      </c>
      <c r="H57" s="41">
        <v>111.30233333333334</v>
      </c>
      <c r="I57" s="41">
        <v>111.30233333333334</v>
      </c>
      <c r="J57" s="41">
        <v>111.30233333333334</v>
      </c>
      <c r="K57" s="41">
        <v>111.30233333333334</v>
      </c>
      <c r="L57" s="41">
        <v>111.30233333333334</v>
      </c>
      <c r="M57" s="41">
        <v>111.30233333333334</v>
      </c>
      <c r="N57" s="41">
        <v>111.30233333333334</v>
      </c>
      <c r="O57" s="41">
        <v>111.30233333333334</v>
      </c>
      <c r="P57" s="41">
        <v>111.30233333333334</v>
      </c>
      <c r="Q57" s="41">
        <v>111.30233333333334</v>
      </c>
      <c r="R57" s="41">
        <v>111.30233333333334</v>
      </c>
      <c r="S57" s="41">
        <v>111.30233333333334</v>
      </c>
      <c r="T57" s="41">
        <v>111.30233333333334</v>
      </c>
      <c r="U57" s="41">
        <v>111.30233333333334</v>
      </c>
      <c r="V57" s="41">
        <v>111.30233333333334</v>
      </c>
    </row>
    <row r="58" spans="1:23">
      <c r="A58" s="70" t="s">
        <v>87</v>
      </c>
      <c r="B58" s="71"/>
      <c r="C58" s="73">
        <v>22688.16878</v>
      </c>
      <c r="D58" s="73">
        <v>47262.402279999995</v>
      </c>
      <c r="E58" s="73">
        <v>60797.799999999996</v>
      </c>
      <c r="F58" s="73">
        <v>63038.359999999993</v>
      </c>
      <c r="G58" s="73">
        <v>63038.359999999993</v>
      </c>
      <c r="H58" s="73">
        <v>40350.191220000001</v>
      </c>
      <c r="I58" s="73">
        <v>15775.957720000002</v>
      </c>
      <c r="J58" s="73">
        <v>2240.56</v>
      </c>
      <c r="K58" s="73">
        <v>0</v>
      </c>
      <c r="L58" s="73">
        <v>11000</v>
      </c>
      <c r="M58" s="73">
        <v>27088.16878</v>
      </c>
      <c r="N58" s="73">
        <v>51662.402279999995</v>
      </c>
      <c r="O58" s="73">
        <v>65197.8</v>
      </c>
      <c r="P58" s="73">
        <v>67438.36</v>
      </c>
      <c r="Q58" s="73">
        <v>56438.36</v>
      </c>
      <c r="R58" s="73">
        <v>40350.191220000001</v>
      </c>
      <c r="S58" s="73">
        <v>15775.957720000002</v>
      </c>
      <c r="T58" s="73">
        <v>2240.56</v>
      </c>
      <c r="U58" s="73">
        <v>0</v>
      </c>
      <c r="V58" s="74">
        <v>0</v>
      </c>
    </row>
    <row r="87" spans="11:11" ht="12.75">
      <c r="K87" s="119" t="s">
        <v>138</v>
      </c>
    </row>
  </sheetData>
  <pageMargins left="0.28000000000000003" right="0.51181102362204722" top="0.34" bottom="0.78740157480314965" header="0.31496062992125984" footer="0.31496062992125984"/>
  <pageSetup paperSize="9" scale="51" orientation="landscape" r:id="rId1"/>
  <drawing r:id="rId2"/>
</worksheet>
</file>

<file path=xl/worksheets/sheet14.xml><?xml version="1.0" encoding="utf-8"?>
<worksheet xmlns="http://schemas.openxmlformats.org/spreadsheetml/2006/main" xmlns:r="http://schemas.openxmlformats.org/officeDocument/2006/relationships">
  <sheetPr codeName="Plan23"/>
  <dimension ref="A1:W87"/>
  <sheetViews>
    <sheetView view="pageBreakPreview" topLeftCell="A46" zoomScale="80" zoomScaleNormal="100" zoomScaleSheetLayoutView="80" workbookViewId="0">
      <selection activeCell="K87" sqref="K87"/>
    </sheetView>
  </sheetViews>
  <sheetFormatPr defaultRowHeight="11.25"/>
  <cols>
    <col min="1" max="1" width="34.85546875" style="2" customWidth="1"/>
    <col min="2" max="2" width="11" style="2" bestFit="1" customWidth="1"/>
    <col min="3" max="3" width="11.42578125" style="2" bestFit="1" customWidth="1"/>
    <col min="4" max="22" width="10.5703125" style="2" customWidth="1"/>
    <col min="23" max="23" width="9.140625" style="2"/>
    <col min="24" max="25" width="9.140625" style="2" customWidth="1"/>
    <col min="26" max="16384" width="9.140625" style="2"/>
  </cols>
  <sheetData>
    <row r="1" spans="1:22" ht="18">
      <c r="A1" s="93" t="s">
        <v>123</v>
      </c>
    </row>
    <row r="4" spans="1:22" ht="18">
      <c r="A4" s="93" t="s">
        <v>112</v>
      </c>
    </row>
    <row r="5" spans="1:22" ht="15.75">
      <c r="A5" s="105" t="s">
        <v>124</v>
      </c>
    </row>
    <row r="6" spans="1:22" ht="15.75">
      <c r="A6" s="105" t="s">
        <v>113</v>
      </c>
    </row>
    <row r="7" spans="1:22" ht="12.75">
      <c r="A7" s="106" t="s">
        <v>57</v>
      </c>
      <c r="B7" s="107"/>
      <c r="C7" s="108">
        <v>10</v>
      </c>
    </row>
    <row r="8" spans="1:22" ht="12.75">
      <c r="A8" s="109" t="s">
        <v>59</v>
      </c>
      <c r="B8" s="110"/>
      <c r="C8" s="122">
        <v>54506.501487202382</v>
      </c>
    </row>
    <row r="9" spans="1:22" ht="12.75">
      <c r="A9" s="112"/>
      <c r="B9" s="112"/>
      <c r="C9" s="113"/>
    </row>
    <row r="10" spans="1:22" ht="12.75">
      <c r="A10" s="106" t="s">
        <v>60</v>
      </c>
      <c r="B10" s="107"/>
      <c r="C10" s="114">
        <v>46931.211448279624</v>
      </c>
    </row>
    <row r="11" spans="1:22" ht="12.75">
      <c r="A11" s="106" t="s">
        <v>61</v>
      </c>
      <c r="B11" s="107"/>
      <c r="C11" s="114">
        <v>15182.703011999998</v>
      </c>
    </row>
    <row r="12" spans="1:22" ht="12.75">
      <c r="A12" s="106" t="s">
        <v>62</v>
      </c>
      <c r="B12" s="107"/>
      <c r="C12" s="115">
        <v>31748.508436279626</v>
      </c>
    </row>
    <row r="13" spans="1:22" ht="12.75">
      <c r="A13" s="106" t="s">
        <v>63</v>
      </c>
      <c r="B13" s="107"/>
      <c r="C13" s="114">
        <v>17711.196957141961</v>
      </c>
    </row>
    <row r="14" spans="1:22">
      <c r="A14" s="40"/>
      <c r="B14" s="40"/>
      <c r="C14" s="41"/>
    </row>
    <row r="15" spans="1:22" ht="18">
      <c r="A15" s="116" t="s">
        <v>114</v>
      </c>
      <c r="C15" s="41"/>
      <c r="D15" s="28"/>
      <c r="V15" s="42" t="s">
        <v>64</v>
      </c>
    </row>
    <row r="16" spans="1:22">
      <c r="A16" s="43"/>
      <c r="B16" s="43" t="s">
        <v>3</v>
      </c>
      <c r="C16" s="43" t="s">
        <v>4</v>
      </c>
      <c r="D16" s="43" t="s">
        <v>5</v>
      </c>
      <c r="E16" s="43" t="s">
        <v>6</v>
      </c>
      <c r="F16" s="43" t="s">
        <v>7</v>
      </c>
      <c r="G16" s="43" t="s">
        <v>8</v>
      </c>
      <c r="H16" s="43" t="s">
        <v>9</v>
      </c>
      <c r="I16" s="43" t="s">
        <v>10</v>
      </c>
      <c r="J16" s="43" t="s">
        <v>11</v>
      </c>
      <c r="K16" s="43" t="s">
        <v>12</v>
      </c>
      <c r="L16" s="43" t="s">
        <v>13</v>
      </c>
      <c r="M16" s="43" t="s">
        <v>14</v>
      </c>
      <c r="N16" s="43" t="s">
        <v>15</v>
      </c>
      <c r="O16" s="43" t="s">
        <v>16</v>
      </c>
      <c r="P16" s="43" t="s">
        <v>17</v>
      </c>
      <c r="Q16" s="43" t="s">
        <v>18</v>
      </c>
      <c r="R16" s="43" t="s">
        <v>19</v>
      </c>
      <c r="S16" s="43" t="s">
        <v>20</v>
      </c>
      <c r="T16" s="43" t="s">
        <v>21</v>
      </c>
      <c r="U16" s="43" t="s">
        <v>22</v>
      </c>
      <c r="V16" s="43" t="s">
        <v>23</v>
      </c>
    </row>
    <row r="17" spans="1:23">
      <c r="A17" s="40" t="s">
        <v>65</v>
      </c>
      <c r="B17" s="40"/>
      <c r="C17" s="41">
        <v>6540780.178464286</v>
      </c>
      <c r="D17" s="41">
        <v>6540780.178464286</v>
      </c>
      <c r="E17" s="41">
        <v>6540780.178464286</v>
      </c>
      <c r="F17" s="41">
        <v>6540780.178464286</v>
      </c>
      <c r="G17" s="41">
        <v>6540780.178464286</v>
      </c>
      <c r="H17" s="41">
        <v>6540780.178464286</v>
      </c>
      <c r="I17" s="41">
        <v>6540780.178464286</v>
      </c>
      <c r="J17" s="41">
        <v>6540780.178464286</v>
      </c>
      <c r="K17" s="41">
        <v>6540780.178464286</v>
      </c>
      <c r="L17" s="41">
        <v>6540780.178464286</v>
      </c>
      <c r="M17" s="41">
        <v>6540780.178464286</v>
      </c>
      <c r="N17" s="41">
        <v>6540780.178464286</v>
      </c>
      <c r="O17" s="41">
        <v>6540780.178464286</v>
      </c>
      <c r="P17" s="41">
        <v>6540780.178464286</v>
      </c>
      <c r="Q17" s="41">
        <v>6540780.178464286</v>
      </c>
      <c r="R17" s="41">
        <v>6540780.178464286</v>
      </c>
      <c r="S17" s="41">
        <v>6540780.178464286</v>
      </c>
      <c r="T17" s="41">
        <v>6540780.178464286</v>
      </c>
      <c r="U17" s="41">
        <v>6540780.178464286</v>
      </c>
      <c r="V17" s="41">
        <v>6540780.178464286</v>
      </c>
    </row>
    <row r="18" spans="1:23">
      <c r="A18" s="44" t="s">
        <v>66</v>
      </c>
      <c r="B18" s="44"/>
      <c r="C18" s="45">
        <v>130815.60356928573</v>
      </c>
      <c r="D18" s="45">
        <v>130815.60356928573</v>
      </c>
      <c r="E18" s="45">
        <v>130815.60356928573</v>
      </c>
      <c r="F18" s="45">
        <v>130815.60356928573</v>
      </c>
      <c r="G18" s="45">
        <v>130815.60356928573</v>
      </c>
      <c r="H18" s="45">
        <v>130815.60356928573</v>
      </c>
      <c r="I18" s="45">
        <v>130815.60356928573</v>
      </c>
      <c r="J18" s="45">
        <v>130815.60356928573</v>
      </c>
      <c r="K18" s="45">
        <v>130815.60356928573</v>
      </c>
      <c r="L18" s="45">
        <v>130815.60356928573</v>
      </c>
      <c r="M18" s="45">
        <v>130815.60356928573</v>
      </c>
      <c r="N18" s="45">
        <v>130815.60356928573</v>
      </c>
      <c r="O18" s="45">
        <v>130815.60356928573</v>
      </c>
      <c r="P18" s="45">
        <v>130815.60356928573</v>
      </c>
      <c r="Q18" s="45">
        <v>130815.60356928573</v>
      </c>
      <c r="R18" s="45">
        <v>130815.60356928573</v>
      </c>
      <c r="S18" s="45">
        <v>130815.60356928573</v>
      </c>
      <c r="T18" s="45">
        <v>130815.60356928573</v>
      </c>
      <c r="U18" s="45">
        <v>130815.60356928573</v>
      </c>
      <c r="V18" s="45">
        <v>130815.60356928573</v>
      </c>
    </row>
    <row r="19" spans="1:23">
      <c r="A19" s="40" t="s">
        <v>67</v>
      </c>
      <c r="B19" s="40"/>
      <c r="C19" s="46">
        <v>6409964.5748950001</v>
      </c>
      <c r="D19" s="46">
        <v>6409964.5748950001</v>
      </c>
      <c r="E19" s="46">
        <v>6409964.5748950001</v>
      </c>
      <c r="F19" s="46">
        <v>6409964.5748950001</v>
      </c>
      <c r="G19" s="46">
        <v>6409964.5748950001</v>
      </c>
      <c r="H19" s="46">
        <v>6409964.5748950001</v>
      </c>
      <c r="I19" s="46">
        <v>6409964.5748950001</v>
      </c>
      <c r="J19" s="46">
        <v>6409964.5748950001</v>
      </c>
      <c r="K19" s="46">
        <v>6409964.5748950001</v>
      </c>
      <c r="L19" s="46">
        <v>6409964.5748950001</v>
      </c>
      <c r="M19" s="46">
        <v>6409964.5748950001</v>
      </c>
      <c r="N19" s="46">
        <v>6409964.5748950001</v>
      </c>
      <c r="O19" s="46">
        <v>6409964.5748950001</v>
      </c>
      <c r="P19" s="46">
        <v>6409964.5748950001</v>
      </c>
      <c r="Q19" s="46">
        <v>6409964.5748950001</v>
      </c>
      <c r="R19" s="46">
        <v>6409964.5748950001</v>
      </c>
      <c r="S19" s="46">
        <v>6409964.5748950001</v>
      </c>
      <c r="T19" s="46">
        <v>6409964.5748950001</v>
      </c>
      <c r="U19" s="46">
        <v>6409964.5748950001</v>
      </c>
      <c r="V19" s="46">
        <v>6409964.5748950001</v>
      </c>
    </row>
    <row r="20" spans="1:23">
      <c r="A20" s="40"/>
      <c r="B20" s="40"/>
      <c r="C20" s="40"/>
      <c r="D20" s="40"/>
      <c r="E20" s="40"/>
      <c r="F20" s="40"/>
      <c r="G20" s="40"/>
      <c r="H20" s="40"/>
      <c r="I20" s="40"/>
      <c r="J20" s="40"/>
      <c r="K20" s="40"/>
      <c r="L20" s="40"/>
      <c r="M20" s="40"/>
      <c r="N20" s="40"/>
      <c r="O20" s="40"/>
      <c r="P20" s="40"/>
      <c r="Q20" s="40"/>
      <c r="R20" s="40"/>
      <c r="S20" s="40"/>
      <c r="T20" s="40"/>
      <c r="U20" s="40"/>
      <c r="V20" s="40"/>
    </row>
    <row r="21" spans="1:23">
      <c r="A21" s="44" t="s">
        <v>68</v>
      </c>
      <c r="B21" s="44"/>
      <c r="C21" s="45">
        <v>5815860.5433649747</v>
      </c>
      <c r="D21" s="45">
        <v>5815860.5433649747</v>
      </c>
      <c r="E21" s="45">
        <v>5815860.5433649747</v>
      </c>
      <c r="F21" s="45">
        <v>5823263.3433649745</v>
      </c>
      <c r="G21" s="45">
        <v>5823263.3433649745</v>
      </c>
      <c r="H21" s="45">
        <v>5823263.3433649745</v>
      </c>
      <c r="I21" s="45">
        <v>5823263.3433649745</v>
      </c>
      <c r="J21" s="45">
        <v>5823263.3433649745</v>
      </c>
      <c r="K21" s="45">
        <v>5823263.3433649745</v>
      </c>
      <c r="L21" s="45">
        <v>5823263.3433649745</v>
      </c>
      <c r="M21" s="47">
        <v>5815860.5433649747</v>
      </c>
      <c r="N21" s="47">
        <v>5815860.5433649747</v>
      </c>
      <c r="O21" s="47">
        <v>5815860.5433649747</v>
      </c>
      <c r="P21" s="47">
        <v>5823263.3433649745</v>
      </c>
      <c r="Q21" s="47">
        <v>5823263.3433649745</v>
      </c>
      <c r="R21" s="47">
        <v>5823263.3433649745</v>
      </c>
      <c r="S21" s="47">
        <v>5823263.3433649745</v>
      </c>
      <c r="T21" s="47">
        <v>5823263.3433649745</v>
      </c>
      <c r="U21" s="47">
        <v>5823263.3433649745</v>
      </c>
      <c r="V21" s="47">
        <v>5823263.3433649745</v>
      </c>
    </row>
    <row r="22" spans="1:23">
      <c r="A22" s="40"/>
      <c r="B22" s="40"/>
      <c r="C22" s="40"/>
      <c r="D22" s="40"/>
      <c r="E22" s="40"/>
      <c r="F22" s="40"/>
      <c r="G22" s="40"/>
      <c r="H22" s="40"/>
      <c r="I22" s="40"/>
      <c r="J22" s="40"/>
      <c r="K22" s="40"/>
      <c r="L22" s="40"/>
      <c r="M22" s="40"/>
      <c r="N22" s="40"/>
      <c r="O22" s="40"/>
      <c r="P22" s="40"/>
      <c r="Q22" s="40"/>
      <c r="R22" s="40"/>
      <c r="S22" s="40"/>
      <c r="T22" s="40"/>
      <c r="U22" s="40"/>
      <c r="V22" s="40"/>
    </row>
    <row r="23" spans="1:23">
      <c r="A23" s="40" t="s">
        <v>69</v>
      </c>
      <c r="B23" s="40"/>
      <c r="C23" s="41">
        <v>70621.746422424243</v>
      </c>
      <c r="D23" s="41">
        <v>95195.979922424231</v>
      </c>
      <c r="E23" s="41">
        <v>108731.37764242422</v>
      </c>
      <c r="F23" s="41">
        <v>110971.93764242422</v>
      </c>
      <c r="G23" s="41">
        <v>110971.93764242422</v>
      </c>
      <c r="H23" s="41">
        <v>88283.768862424244</v>
      </c>
      <c r="I23" s="41">
        <v>63709.535362424242</v>
      </c>
      <c r="J23" s="41">
        <v>50174.137642424233</v>
      </c>
      <c r="K23" s="41">
        <v>47933.577642424236</v>
      </c>
      <c r="L23" s="41">
        <v>58933.577642424236</v>
      </c>
      <c r="M23" s="41">
        <v>75021.746422424243</v>
      </c>
      <c r="N23" s="41">
        <v>1069267.7046133333</v>
      </c>
      <c r="O23" s="41">
        <v>1082803.1023333333</v>
      </c>
      <c r="P23" s="41">
        <v>1085043.6623333334</v>
      </c>
      <c r="Q23" s="41">
        <v>1074043.6623333334</v>
      </c>
      <c r="R23" s="41">
        <v>1057955.4935533332</v>
      </c>
      <c r="S23" s="41">
        <v>1033381.2600533332</v>
      </c>
      <c r="T23" s="41">
        <v>1019845.8623333334</v>
      </c>
      <c r="U23" s="41">
        <v>1017605.3023333333</v>
      </c>
      <c r="V23" s="41">
        <v>1017605.3023333333</v>
      </c>
    </row>
    <row r="24" spans="1:23">
      <c r="A24" s="40"/>
      <c r="B24" s="40"/>
      <c r="C24" s="41"/>
      <c r="D24" s="41"/>
      <c r="E24" s="41"/>
      <c r="F24" s="41"/>
      <c r="G24" s="41"/>
      <c r="H24" s="41"/>
      <c r="I24" s="41"/>
      <c r="J24" s="41"/>
      <c r="K24" s="41"/>
      <c r="L24" s="41"/>
      <c r="M24" s="41"/>
      <c r="N24" s="41"/>
      <c r="O24" s="41"/>
      <c r="P24" s="41"/>
      <c r="Q24" s="41"/>
      <c r="R24" s="41"/>
      <c r="S24" s="41"/>
      <c r="T24" s="41"/>
      <c r="U24" s="41"/>
      <c r="V24" s="41"/>
      <c r="W24" s="38"/>
    </row>
    <row r="25" spans="1:23">
      <c r="A25" s="44" t="s">
        <v>70</v>
      </c>
      <c r="B25" s="44"/>
      <c r="C25" s="47">
        <v>523482.2851076012</v>
      </c>
      <c r="D25" s="47">
        <v>498908.05160760117</v>
      </c>
      <c r="E25" s="47">
        <v>485372.65388760122</v>
      </c>
      <c r="F25" s="47">
        <v>475729.29388760135</v>
      </c>
      <c r="G25" s="47">
        <v>475729.29388760135</v>
      </c>
      <c r="H25" s="47">
        <v>498417.46266760136</v>
      </c>
      <c r="I25" s="47">
        <v>522991.69616760139</v>
      </c>
      <c r="J25" s="47">
        <v>536527.0938876014</v>
      </c>
      <c r="K25" s="47">
        <v>538767.65388760134</v>
      </c>
      <c r="L25" s="47">
        <v>527767.65388760134</v>
      </c>
      <c r="M25" s="47">
        <v>519082.2851076012</v>
      </c>
      <c r="N25" s="47">
        <v>-475163.67308330792</v>
      </c>
      <c r="O25" s="47">
        <v>-488699.07080330793</v>
      </c>
      <c r="P25" s="47">
        <v>-498342.4308033078</v>
      </c>
      <c r="Q25" s="47">
        <v>-487342.4308033078</v>
      </c>
      <c r="R25" s="47">
        <v>-471254.26202330762</v>
      </c>
      <c r="S25" s="47">
        <v>-446680.02852330764</v>
      </c>
      <c r="T25" s="47">
        <v>-433144.63080330775</v>
      </c>
      <c r="U25" s="47">
        <v>-430904.0708033077</v>
      </c>
      <c r="V25" s="47">
        <v>-430904.0708033077</v>
      </c>
    </row>
    <row r="26" spans="1:23">
      <c r="A26" s="40"/>
      <c r="B26" s="40"/>
      <c r="C26" s="40"/>
      <c r="D26" s="40"/>
      <c r="E26" s="40"/>
      <c r="F26" s="40"/>
      <c r="G26" s="40"/>
      <c r="H26" s="40"/>
      <c r="I26" s="40"/>
      <c r="J26" s="40"/>
      <c r="K26" s="40"/>
      <c r="L26" s="40"/>
      <c r="M26" s="40"/>
      <c r="N26" s="40"/>
      <c r="O26" s="40"/>
      <c r="P26" s="40"/>
      <c r="Q26" s="40"/>
      <c r="R26" s="40"/>
      <c r="S26" s="40"/>
      <c r="T26" s="40"/>
      <c r="U26" s="40"/>
      <c r="V26" s="40"/>
    </row>
    <row r="27" spans="1:23">
      <c r="A27" s="40" t="s">
        <v>71</v>
      </c>
      <c r="B27" s="40"/>
      <c r="C27" s="41">
        <v>177983.97693658443</v>
      </c>
      <c r="D27" s="41">
        <v>169628.73754658442</v>
      </c>
      <c r="E27" s="41">
        <v>165026.70232178443</v>
      </c>
      <c r="F27" s="41">
        <v>161747.95992178447</v>
      </c>
      <c r="G27" s="41">
        <v>161747.95992178447</v>
      </c>
      <c r="H27" s="41">
        <v>169461.93730698447</v>
      </c>
      <c r="I27" s="41">
        <v>177817.17669698448</v>
      </c>
      <c r="J27" s="41">
        <v>182419.21192178447</v>
      </c>
      <c r="K27" s="41">
        <v>183181.00232178447</v>
      </c>
      <c r="L27" s="41">
        <v>179441.00232178447</v>
      </c>
      <c r="M27" s="41">
        <v>176487.97693658443</v>
      </c>
      <c r="N27" s="41">
        <v>0</v>
      </c>
      <c r="O27" s="41">
        <v>0</v>
      </c>
      <c r="P27" s="41">
        <v>0</v>
      </c>
      <c r="Q27" s="41">
        <v>0</v>
      </c>
      <c r="R27" s="41">
        <v>0</v>
      </c>
      <c r="S27" s="41">
        <v>0</v>
      </c>
      <c r="T27" s="41">
        <v>0</v>
      </c>
      <c r="U27" s="41">
        <v>0</v>
      </c>
      <c r="V27" s="41">
        <v>0</v>
      </c>
    </row>
    <row r="28" spans="1:23">
      <c r="A28" s="40"/>
      <c r="B28" s="40"/>
      <c r="C28" s="40"/>
      <c r="D28" s="40"/>
      <c r="E28" s="40"/>
      <c r="F28" s="40"/>
      <c r="G28" s="40"/>
      <c r="H28" s="40"/>
      <c r="I28" s="40"/>
      <c r="J28" s="40"/>
      <c r="K28" s="40"/>
      <c r="L28" s="40"/>
      <c r="M28" s="40"/>
      <c r="N28" s="40"/>
      <c r="O28" s="40"/>
      <c r="P28" s="40"/>
      <c r="Q28" s="40"/>
      <c r="R28" s="40"/>
      <c r="S28" s="40"/>
      <c r="T28" s="40"/>
      <c r="U28" s="40"/>
      <c r="V28" s="40"/>
    </row>
    <row r="29" spans="1:23">
      <c r="A29" s="44" t="s">
        <v>72</v>
      </c>
      <c r="B29" s="44"/>
      <c r="C29" s="47">
        <v>345498.30817101675</v>
      </c>
      <c r="D29" s="47">
        <v>329279.31406101678</v>
      </c>
      <c r="E29" s="47">
        <v>320345.95156581677</v>
      </c>
      <c r="F29" s="47">
        <v>313981.33396581688</v>
      </c>
      <c r="G29" s="47">
        <v>313981.33396581688</v>
      </c>
      <c r="H29" s="47">
        <v>328955.52536061686</v>
      </c>
      <c r="I29" s="47">
        <v>345174.51947061694</v>
      </c>
      <c r="J29" s="47">
        <v>354107.88196581695</v>
      </c>
      <c r="K29" s="47">
        <v>355586.65156581684</v>
      </c>
      <c r="L29" s="47">
        <v>348326.65156581684</v>
      </c>
      <c r="M29" s="47">
        <v>342594.30817101675</v>
      </c>
      <c r="N29" s="47">
        <v>-475163.67308330792</v>
      </c>
      <c r="O29" s="47">
        <v>-488699.07080330793</v>
      </c>
      <c r="P29" s="47">
        <v>-498342.4308033078</v>
      </c>
      <c r="Q29" s="47">
        <v>-487342.4308033078</v>
      </c>
      <c r="R29" s="47">
        <v>-471254.26202330762</v>
      </c>
      <c r="S29" s="47">
        <v>-446680.02852330764</v>
      </c>
      <c r="T29" s="47">
        <v>-433144.63080330775</v>
      </c>
      <c r="U29" s="47">
        <v>-430904.0708033077</v>
      </c>
      <c r="V29" s="47">
        <v>-430904.0708033077</v>
      </c>
    </row>
    <row r="30" spans="1:23">
      <c r="A30" s="40"/>
      <c r="B30" s="40"/>
      <c r="C30" s="40"/>
      <c r="D30" s="40"/>
      <c r="E30" s="40"/>
      <c r="F30" s="40"/>
      <c r="G30" s="40"/>
      <c r="H30" s="40"/>
      <c r="I30" s="40"/>
      <c r="J30" s="40"/>
      <c r="K30" s="40"/>
      <c r="L30" s="40"/>
      <c r="M30" s="40"/>
      <c r="N30" s="40"/>
      <c r="O30" s="40"/>
      <c r="P30" s="40"/>
      <c r="Q30" s="40"/>
      <c r="R30" s="40"/>
      <c r="S30" s="40"/>
      <c r="T30" s="40"/>
      <c r="U30" s="40"/>
      <c r="V30" s="40"/>
    </row>
    <row r="31" spans="1:23">
      <c r="A31" s="40" t="s">
        <v>73</v>
      </c>
      <c r="B31" s="40"/>
      <c r="C31" s="41">
        <v>70621.746422424243</v>
      </c>
      <c r="D31" s="41">
        <v>95195.979922424231</v>
      </c>
      <c r="E31" s="41">
        <v>108731.37764242422</v>
      </c>
      <c r="F31" s="41">
        <v>110971.93764242422</v>
      </c>
      <c r="G31" s="41">
        <v>110971.93764242422</v>
      </c>
      <c r="H31" s="41">
        <v>88283.768862424244</v>
      </c>
      <c r="I31" s="41">
        <v>63709.535362424242</v>
      </c>
      <c r="J31" s="41">
        <v>50174.137642424233</v>
      </c>
      <c r="K31" s="41">
        <v>47933.577642424236</v>
      </c>
      <c r="L31" s="41">
        <v>58933.577642424236</v>
      </c>
      <c r="M31" s="41">
        <v>75021.746422424243</v>
      </c>
      <c r="N31" s="41">
        <v>1069267.7046133333</v>
      </c>
      <c r="O31" s="41">
        <v>1082803.1023333333</v>
      </c>
      <c r="P31" s="41">
        <v>1085043.6623333334</v>
      </c>
      <c r="Q31" s="41">
        <v>1074043.6623333334</v>
      </c>
      <c r="R31" s="41">
        <v>1057955.4935533332</v>
      </c>
      <c r="S31" s="41">
        <v>1033381.2600533332</v>
      </c>
      <c r="T31" s="41">
        <v>1019845.8623333334</v>
      </c>
      <c r="U31" s="41">
        <v>1017605.3023333333</v>
      </c>
      <c r="V31" s="41">
        <v>1017605.3023333333</v>
      </c>
    </row>
    <row r="32" spans="1:23">
      <c r="A32" s="40"/>
      <c r="B32" s="40"/>
      <c r="C32" s="40"/>
      <c r="D32" s="40"/>
      <c r="E32" s="40"/>
      <c r="F32" s="40"/>
      <c r="G32" s="40"/>
      <c r="H32" s="40"/>
      <c r="I32" s="40"/>
      <c r="J32" s="40"/>
      <c r="K32" s="40"/>
      <c r="L32" s="40"/>
      <c r="M32" s="40"/>
      <c r="N32" s="40"/>
      <c r="O32" s="40"/>
      <c r="P32" s="40"/>
      <c r="Q32" s="40"/>
      <c r="R32" s="40"/>
      <c r="S32" s="40"/>
      <c r="T32" s="40"/>
      <c r="U32" s="40"/>
      <c r="V32" s="40"/>
    </row>
    <row r="33" spans="1:22">
      <c r="A33" s="44" t="s">
        <v>74</v>
      </c>
      <c r="B33" s="44"/>
      <c r="C33" s="47">
        <v>416120.05459344096</v>
      </c>
      <c r="D33" s="47">
        <v>424475.29398344102</v>
      </c>
      <c r="E33" s="47">
        <v>429077.32920824096</v>
      </c>
      <c r="F33" s="47">
        <v>424953.27160824114</v>
      </c>
      <c r="G33" s="47">
        <v>424953.27160824114</v>
      </c>
      <c r="H33" s="47">
        <v>417239.2942230411</v>
      </c>
      <c r="I33" s="47">
        <v>408884.05483304115</v>
      </c>
      <c r="J33" s="47">
        <v>404282.01960824116</v>
      </c>
      <c r="K33" s="47">
        <v>403520.2292082411</v>
      </c>
      <c r="L33" s="47">
        <v>407260.2292082411</v>
      </c>
      <c r="M33" s="47">
        <v>417616.05459344096</v>
      </c>
      <c r="N33" s="47">
        <v>594104.03153002542</v>
      </c>
      <c r="O33" s="47">
        <v>594104.03153002542</v>
      </c>
      <c r="P33" s="47">
        <v>586701.2315300256</v>
      </c>
      <c r="Q33" s="47">
        <v>586701.2315300256</v>
      </c>
      <c r="R33" s="47">
        <v>586701.2315300256</v>
      </c>
      <c r="S33" s="47">
        <v>586701.2315300256</v>
      </c>
      <c r="T33" s="47">
        <v>586701.2315300256</v>
      </c>
      <c r="U33" s="47">
        <v>586701.2315300256</v>
      </c>
      <c r="V33" s="47">
        <v>586701.2315300256</v>
      </c>
    </row>
    <row r="34" spans="1:22">
      <c r="A34" s="40"/>
      <c r="B34" s="40"/>
      <c r="C34" s="40"/>
      <c r="D34" s="40"/>
      <c r="E34" s="40"/>
      <c r="F34" s="40"/>
      <c r="G34" s="40"/>
      <c r="H34" s="40"/>
      <c r="I34" s="40"/>
      <c r="J34" s="40"/>
      <c r="K34" s="40"/>
      <c r="L34" s="40"/>
      <c r="M34" s="40"/>
      <c r="N34" s="40"/>
      <c r="O34" s="40"/>
      <c r="P34" s="40"/>
      <c r="Q34" s="40"/>
      <c r="R34" s="40"/>
      <c r="S34" s="40"/>
      <c r="T34" s="40"/>
      <c r="U34" s="40"/>
      <c r="V34" s="40"/>
    </row>
    <row r="35" spans="1:22">
      <c r="A35" s="40" t="s">
        <v>75</v>
      </c>
      <c r="B35" s="46">
        <v>643484.45091184892</v>
      </c>
      <c r="C35" s="46">
        <v>80440.843899999993</v>
      </c>
      <c r="D35" s="46">
        <v>122871.1675</v>
      </c>
      <c r="E35" s="46">
        <v>67676.988600000012</v>
      </c>
      <c r="F35" s="46">
        <v>11202.8</v>
      </c>
      <c r="G35" s="46">
        <v>0</v>
      </c>
      <c r="H35" s="46">
        <v>0</v>
      </c>
      <c r="I35" s="46">
        <v>0</v>
      </c>
      <c r="J35" s="46">
        <v>0</v>
      </c>
      <c r="K35" s="46">
        <v>0</v>
      </c>
      <c r="L35" s="46">
        <v>55000</v>
      </c>
      <c r="M35" s="46">
        <v>80440.843899999993</v>
      </c>
      <c r="N35" s="46">
        <v>9280317.1675000004</v>
      </c>
      <c r="O35" s="46">
        <v>67676.988600000012</v>
      </c>
      <c r="P35" s="46">
        <v>11202.8</v>
      </c>
      <c r="Q35" s="46">
        <v>0</v>
      </c>
      <c r="R35" s="46">
        <v>0</v>
      </c>
      <c r="S35" s="46">
        <v>0</v>
      </c>
      <c r="T35" s="46">
        <v>0</v>
      </c>
      <c r="U35" s="46">
        <v>0</v>
      </c>
      <c r="V35" s="46">
        <v>-79669.322511848964</v>
      </c>
    </row>
    <row r="36" spans="1:22">
      <c r="A36" s="48" t="s">
        <v>76</v>
      </c>
      <c r="B36" s="47">
        <v>526045.02839999995</v>
      </c>
      <c r="C36" s="47"/>
      <c r="D36" s="47"/>
      <c r="E36" s="47"/>
      <c r="F36" s="47"/>
      <c r="G36" s="47"/>
      <c r="H36" s="47"/>
      <c r="I36" s="47"/>
      <c r="J36" s="47"/>
      <c r="K36" s="47"/>
      <c r="L36" s="47"/>
      <c r="M36" s="47"/>
      <c r="N36" s="47">
        <v>9157446</v>
      </c>
      <c r="O36" s="47"/>
      <c r="P36" s="47"/>
      <c r="Q36" s="47"/>
      <c r="R36" s="47"/>
      <c r="S36" s="47"/>
      <c r="T36" s="47"/>
      <c r="U36" s="47"/>
      <c r="V36" s="47"/>
    </row>
    <row r="37" spans="1:22">
      <c r="A37" s="49" t="s">
        <v>77</v>
      </c>
      <c r="B37" s="41">
        <v>33000</v>
      </c>
      <c r="C37" s="41">
        <v>80440.843899999993</v>
      </c>
      <c r="D37" s="41">
        <v>122871.1675</v>
      </c>
      <c r="E37" s="41">
        <v>67676.988600000012</v>
      </c>
      <c r="F37" s="41">
        <v>11202.8</v>
      </c>
      <c r="G37" s="41">
        <v>0</v>
      </c>
      <c r="H37" s="41">
        <v>0</v>
      </c>
      <c r="I37" s="41">
        <v>0</v>
      </c>
      <c r="J37" s="41">
        <v>0</v>
      </c>
      <c r="K37" s="41">
        <v>0</v>
      </c>
      <c r="L37" s="41">
        <v>55000</v>
      </c>
      <c r="M37" s="41">
        <v>80440.843899999993</v>
      </c>
      <c r="N37" s="41">
        <v>122871.1675</v>
      </c>
      <c r="O37" s="41">
        <v>67676.988600000012</v>
      </c>
      <c r="P37" s="41">
        <v>11202.8</v>
      </c>
      <c r="Q37" s="41">
        <v>0</v>
      </c>
      <c r="R37" s="41">
        <v>0</v>
      </c>
      <c r="S37" s="41">
        <v>0</v>
      </c>
      <c r="T37" s="41">
        <v>0</v>
      </c>
      <c r="U37" s="41">
        <v>0</v>
      </c>
      <c r="V37" s="41">
        <v>0</v>
      </c>
    </row>
    <row r="38" spans="1:22">
      <c r="A38" s="48" t="s">
        <v>78</v>
      </c>
      <c r="B38" s="45">
        <v>4770.1000000000004</v>
      </c>
      <c r="C38" s="44">
        <v>0</v>
      </c>
      <c r="D38" s="44">
        <v>0</v>
      </c>
      <c r="E38" s="44">
        <v>0</v>
      </c>
      <c r="F38" s="44">
        <v>0</v>
      </c>
      <c r="G38" s="44">
        <v>0</v>
      </c>
      <c r="H38" s="44">
        <v>0</v>
      </c>
      <c r="I38" s="44">
        <v>0</v>
      </c>
      <c r="J38" s="44">
        <v>0</v>
      </c>
      <c r="K38" s="44">
        <v>0</v>
      </c>
      <c r="L38" s="44">
        <v>0</v>
      </c>
      <c r="M38" s="44"/>
      <c r="N38" s="44"/>
      <c r="O38" s="44"/>
      <c r="P38" s="44"/>
      <c r="Q38" s="44"/>
      <c r="R38" s="44"/>
      <c r="S38" s="44"/>
      <c r="T38" s="44"/>
      <c r="U38" s="44"/>
      <c r="V38" s="44"/>
    </row>
    <row r="39" spans="1:22">
      <c r="A39" s="49" t="s">
        <v>79</v>
      </c>
      <c r="B39" s="41">
        <v>79669.322511848964</v>
      </c>
      <c r="C39" s="40">
        <v>0</v>
      </c>
      <c r="D39" s="40">
        <v>0</v>
      </c>
      <c r="E39" s="40">
        <v>0</v>
      </c>
      <c r="F39" s="40">
        <v>0</v>
      </c>
      <c r="G39" s="40">
        <v>0</v>
      </c>
      <c r="H39" s="40">
        <v>0</v>
      </c>
      <c r="I39" s="40">
        <v>0</v>
      </c>
      <c r="J39" s="40">
        <v>0</v>
      </c>
      <c r="K39" s="40">
        <v>0</v>
      </c>
      <c r="L39" s="46">
        <v>0</v>
      </c>
      <c r="M39" s="46">
        <v>0</v>
      </c>
      <c r="N39" s="46">
        <v>0</v>
      </c>
      <c r="O39" s="46">
        <v>0</v>
      </c>
      <c r="P39" s="46">
        <v>0</v>
      </c>
      <c r="Q39" s="46">
        <v>0</v>
      </c>
      <c r="R39" s="46">
        <v>0</v>
      </c>
      <c r="S39" s="46">
        <v>0</v>
      </c>
      <c r="T39" s="46">
        <v>0</v>
      </c>
      <c r="U39" s="46">
        <v>0</v>
      </c>
      <c r="V39" s="46">
        <v>-79669.322511848964</v>
      </c>
    </row>
    <row r="40" spans="1:22">
      <c r="A40" s="40"/>
      <c r="B40" s="40"/>
      <c r="C40" s="40"/>
      <c r="D40" s="40"/>
      <c r="E40" s="40"/>
      <c r="F40" s="40"/>
      <c r="G40" s="40"/>
      <c r="H40" s="40"/>
      <c r="I40" s="40"/>
      <c r="J40" s="40"/>
      <c r="K40" s="40"/>
      <c r="L40" s="40"/>
      <c r="M40" s="40"/>
      <c r="N40" s="40"/>
      <c r="O40" s="40"/>
      <c r="P40" s="40"/>
      <c r="Q40" s="40"/>
      <c r="R40" s="40"/>
      <c r="S40" s="40"/>
      <c r="T40" s="40"/>
      <c r="U40" s="40"/>
      <c r="V40" s="40"/>
    </row>
    <row r="41" spans="1:22">
      <c r="A41" s="44" t="s">
        <v>80</v>
      </c>
      <c r="B41" s="45">
        <v>0</v>
      </c>
      <c r="C41" s="45">
        <v>0</v>
      </c>
      <c r="D41" s="45">
        <v>0</v>
      </c>
      <c r="E41" s="45">
        <v>0</v>
      </c>
      <c r="F41" s="45">
        <v>0</v>
      </c>
      <c r="G41" s="45">
        <v>0</v>
      </c>
      <c r="H41" s="45">
        <v>0</v>
      </c>
      <c r="I41" s="45">
        <v>0</v>
      </c>
      <c r="J41" s="45">
        <v>0</v>
      </c>
      <c r="K41" s="45">
        <v>0</v>
      </c>
      <c r="L41" s="45">
        <v>0</v>
      </c>
      <c r="M41" s="45">
        <v>0</v>
      </c>
      <c r="N41" s="45">
        <v>0</v>
      </c>
      <c r="O41" s="45">
        <v>0</v>
      </c>
      <c r="P41" s="45">
        <v>0</v>
      </c>
      <c r="Q41" s="45">
        <v>0</v>
      </c>
      <c r="R41" s="45">
        <v>0</v>
      </c>
      <c r="S41" s="45">
        <v>0</v>
      </c>
      <c r="T41" s="45">
        <v>0</v>
      </c>
      <c r="U41" s="45">
        <v>0</v>
      </c>
      <c r="V41" s="45">
        <v>2544.0533333333337</v>
      </c>
    </row>
    <row r="42" spans="1:22">
      <c r="A42" s="40" t="s">
        <v>81</v>
      </c>
      <c r="B42" s="40"/>
      <c r="C42" s="46">
        <v>0</v>
      </c>
      <c r="D42" s="46">
        <v>0</v>
      </c>
      <c r="E42" s="46">
        <v>0</v>
      </c>
      <c r="F42" s="46">
        <v>0</v>
      </c>
      <c r="G42" s="46">
        <v>0</v>
      </c>
      <c r="H42" s="46">
        <v>0</v>
      </c>
      <c r="I42" s="46">
        <v>0</v>
      </c>
      <c r="J42" s="46">
        <v>0</v>
      </c>
      <c r="K42" s="46">
        <v>0</v>
      </c>
      <c r="L42" s="46">
        <v>0</v>
      </c>
      <c r="M42" s="46">
        <v>0</v>
      </c>
      <c r="N42" s="46">
        <v>0</v>
      </c>
      <c r="O42" s="46">
        <v>0</v>
      </c>
      <c r="P42" s="46">
        <v>0</v>
      </c>
      <c r="Q42" s="46">
        <v>0</v>
      </c>
      <c r="R42" s="46">
        <v>0</v>
      </c>
      <c r="S42" s="46">
        <v>0</v>
      </c>
      <c r="T42" s="46">
        <v>0</v>
      </c>
      <c r="U42" s="46">
        <v>0</v>
      </c>
      <c r="V42" s="46">
        <v>0</v>
      </c>
    </row>
    <row r="43" spans="1:22">
      <c r="A43" s="44" t="s">
        <v>82</v>
      </c>
      <c r="B43" s="44"/>
      <c r="C43" s="44">
        <v>0</v>
      </c>
      <c r="D43" s="44">
        <v>0</v>
      </c>
      <c r="E43" s="44">
        <v>0</v>
      </c>
      <c r="F43" s="44">
        <v>0</v>
      </c>
      <c r="G43" s="44">
        <v>0</v>
      </c>
      <c r="H43" s="44">
        <v>0</v>
      </c>
      <c r="I43" s="44">
        <v>0</v>
      </c>
      <c r="J43" s="44">
        <v>0</v>
      </c>
      <c r="K43" s="44">
        <v>0</v>
      </c>
      <c r="L43" s="45">
        <v>0</v>
      </c>
      <c r="M43" s="44">
        <v>0</v>
      </c>
      <c r="N43" s="44">
        <v>0</v>
      </c>
      <c r="O43" s="44">
        <v>0</v>
      </c>
      <c r="P43" s="44">
        <v>0</v>
      </c>
      <c r="Q43" s="44">
        <v>0</v>
      </c>
      <c r="R43" s="44">
        <v>0</v>
      </c>
      <c r="S43" s="44">
        <v>0</v>
      </c>
      <c r="T43" s="44">
        <v>0</v>
      </c>
      <c r="U43" s="44">
        <v>0</v>
      </c>
      <c r="V43" s="44">
        <v>2544.0533333333337</v>
      </c>
    </row>
    <row r="44" spans="1:22">
      <c r="A44" s="40"/>
      <c r="B44" s="40"/>
      <c r="C44" s="40"/>
      <c r="D44" s="40"/>
      <c r="E44" s="40"/>
      <c r="F44" s="40"/>
      <c r="G44" s="40"/>
      <c r="H44" s="40"/>
      <c r="I44" s="40"/>
      <c r="J44" s="40"/>
      <c r="K44" s="40"/>
      <c r="L44" s="40"/>
      <c r="M44" s="40"/>
      <c r="N44" s="40"/>
      <c r="O44" s="40"/>
      <c r="P44" s="40"/>
      <c r="Q44" s="40"/>
      <c r="R44" s="40"/>
      <c r="S44" s="40"/>
      <c r="T44" s="40"/>
      <c r="U44" s="40"/>
      <c r="V44" s="40"/>
    </row>
    <row r="45" spans="1:22">
      <c r="A45" s="52" t="s">
        <v>83</v>
      </c>
      <c r="B45" s="53">
        <v>-643484.45091184892</v>
      </c>
      <c r="C45" s="53">
        <v>335679.21069344098</v>
      </c>
      <c r="D45" s="53">
        <v>301604.12648344104</v>
      </c>
      <c r="E45" s="53">
        <v>361400.34060824092</v>
      </c>
      <c r="F45" s="53">
        <v>413750.47160824115</v>
      </c>
      <c r="G45" s="53">
        <v>424953.27160824114</v>
      </c>
      <c r="H45" s="53">
        <v>417239.2942230411</v>
      </c>
      <c r="I45" s="53">
        <v>408884.05483304115</v>
      </c>
      <c r="J45" s="53">
        <v>404282.01960824116</v>
      </c>
      <c r="K45" s="53">
        <v>403520.2292082411</v>
      </c>
      <c r="L45" s="53">
        <v>352260.2292082411</v>
      </c>
      <c r="M45" s="53">
        <v>337175.21069344098</v>
      </c>
      <c r="N45" s="53">
        <v>-8686213.1359699741</v>
      </c>
      <c r="O45" s="53">
        <v>526427.04293002537</v>
      </c>
      <c r="P45" s="53">
        <v>575498.43153002555</v>
      </c>
      <c r="Q45" s="53">
        <v>586701.2315300256</v>
      </c>
      <c r="R45" s="53">
        <v>586701.2315300256</v>
      </c>
      <c r="S45" s="53">
        <v>586701.2315300256</v>
      </c>
      <c r="T45" s="53">
        <v>586701.2315300256</v>
      </c>
      <c r="U45" s="53">
        <v>586701.2315300256</v>
      </c>
      <c r="V45" s="53">
        <v>668914.60737520794</v>
      </c>
    </row>
    <row r="46" spans="1:22">
      <c r="A46" s="40"/>
      <c r="B46" s="40"/>
      <c r="C46" s="40"/>
      <c r="D46" s="40"/>
      <c r="E46" s="40"/>
      <c r="F46" s="40"/>
      <c r="G46" s="40"/>
      <c r="H46" s="40"/>
      <c r="I46" s="40"/>
      <c r="J46" s="40"/>
      <c r="K46" s="40"/>
      <c r="L46" s="40"/>
      <c r="M46" s="40"/>
      <c r="N46" s="40"/>
      <c r="O46" s="40"/>
      <c r="P46" s="40"/>
      <c r="Q46" s="40"/>
      <c r="R46" s="40"/>
      <c r="S46" s="40"/>
      <c r="T46" s="40"/>
      <c r="U46" s="40"/>
      <c r="V46" s="40"/>
    </row>
    <row r="47" spans="1:22">
      <c r="A47" s="39"/>
      <c r="B47" s="40"/>
      <c r="C47" s="40"/>
      <c r="D47" s="40"/>
      <c r="E47" s="40"/>
      <c r="F47" s="40"/>
      <c r="G47" s="40"/>
      <c r="H47" s="40"/>
      <c r="I47" s="40"/>
      <c r="J47" s="40"/>
      <c r="K47" s="40"/>
      <c r="L47" s="40"/>
      <c r="M47" s="40"/>
      <c r="N47" s="40"/>
      <c r="O47" s="40"/>
      <c r="P47" s="40"/>
      <c r="Q47" s="40"/>
      <c r="R47" s="40"/>
      <c r="S47" s="40"/>
      <c r="T47" s="40"/>
      <c r="U47" s="40"/>
      <c r="V47" s="40"/>
    </row>
    <row r="48" spans="1:22">
      <c r="A48" s="40"/>
      <c r="B48" s="40"/>
      <c r="C48" s="40"/>
      <c r="D48" s="40"/>
      <c r="E48" s="40"/>
      <c r="F48" s="40"/>
      <c r="G48" s="40"/>
      <c r="H48" s="40"/>
      <c r="I48" s="40"/>
      <c r="J48" s="40"/>
      <c r="K48" s="40"/>
      <c r="L48" s="40"/>
      <c r="M48" s="40"/>
      <c r="N48" s="40"/>
      <c r="O48" s="40"/>
      <c r="P48" s="40"/>
      <c r="Q48" s="40"/>
      <c r="R48" s="40"/>
      <c r="S48" s="40"/>
      <c r="T48" s="40"/>
      <c r="U48" s="40"/>
      <c r="V48" s="40"/>
    </row>
    <row r="49" spans="1:22" ht="12" thickBot="1"/>
    <row r="50" spans="1:22" ht="16.5" thickBot="1">
      <c r="A50" s="117" t="s">
        <v>58</v>
      </c>
      <c r="B50" s="118">
        <v>9.8500000000000004E-2</v>
      </c>
      <c r="C50" s="40"/>
      <c r="D50" s="40"/>
      <c r="E50" s="40"/>
      <c r="F50" s="40"/>
      <c r="G50" s="40"/>
      <c r="H50" s="40"/>
      <c r="I50" s="40"/>
      <c r="J50" s="40"/>
      <c r="K50" s="40"/>
      <c r="L50" s="40"/>
      <c r="M50" s="40"/>
      <c r="N50" s="40"/>
      <c r="O50" s="40"/>
      <c r="P50" s="40"/>
      <c r="Q50" s="40"/>
      <c r="R50" s="40"/>
      <c r="S50" s="40"/>
      <c r="T50" s="40"/>
      <c r="U50" s="40"/>
      <c r="V50" s="40"/>
    </row>
    <row r="51" spans="1:22">
      <c r="A51" s="40"/>
      <c r="B51" s="55"/>
      <c r="C51" s="40"/>
      <c r="D51" s="40"/>
      <c r="E51" s="40"/>
      <c r="F51" s="40"/>
      <c r="G51" s="40"/>
      <c r="H51" s="40"/>
      <c r="I51" s="40"/>
      <c r="J51" s="40"/>
      <c r="K51" s="40"/>
      <c r="L51" s="40"/>
      <c r="M51" s="76"/>
      <c r="N51" s="40"/>
      <c r="O51" s="40"/>
      <c r="P51" s="40"/>
      <c r="Q51" s="40"/>
      <c r="R51" s="40"/>
      <c r="S51" s="40"/>
      <c r="T51" s="40"/>
      <c r="U51" s="40"/>
      <c r="V51" s="40"/>
    </row>
    <row r="52" spans="1:22" ht="11.25" customHeight="1">
      <c r="A52" s="40"/>
      <c r="B52" s="55"/>
      <c r="C52" s="40"/>
      <c r="D52" s="40"/>
      <c r="E52" s="40"/>
      <c r="F52" s="40"/>
      <c r="G52" s="40"/>
      <c r="H52" s="40"/>
      <c r="I52" s="40"/>
      <c r="J52" s="40"/>
      <c r="K52" s="40"/>
      <c r="L52" s="40"/>
      <c r="M52" s="40"/>
      <c r="N52" s="40"/>
      <c r="O52" s="40"/>
      <c r="P52" s="40"/>
      <c r="Q52" s="40"/>
      <c r="R52" s="40"/>
      <c r="S52" s="40"/>
      <c r="T52" s="40"/>
      <c r="U52" s="40"/>
      <c r="V52" s="40"/>
    </row>
    <row r="53" spans="1:22">
      <c r="A53" s="40"/>
      <c r="B53" s="40"/>
      <c r="C53" s="40"/>
      <c r="D53" s="40"/>
      <c r="E53" s="40"/>
      <c r="F53" s="40"/>
      <c r="G53" s="40"/>
      <c r="H53" s="40"/>
      <c r="I53" s="40"/>
      <c r="J53" s="40"/>
      <c r="K53" s="40"/>
      <c r="L53" s="40"/>
      <c r="M53" s="40"/>
      <c r="N53" s="40"/>
      <c r="O53" s="40"/>
      <c r="P53" s="40"/>
      <c r="Q53" s="40"/>
      <c r="R53" s="40"/>
      <c r="S53" s="40"/>
      <c r="T53" s="40"/>
      <c r="U53" s="40"/>
      <c r="V53" s="40"/>
    </row>
    <row r="54" spans="1:22" ht="18">
      <c r="A54" s="116" t="s">
        <v>115</v>
      </c>
      <c r="B54" s="40"/>
      <c r="C54" s="40"/>
      <c r="D54" s="40"/>
      <c r="E54" s="40"/>
      <c r="F54" s="40"/>
      <c r="G54" s="40"/>
      <c r="H54" s="40"/>
      <c r="I54" s="40"/>
      <c r="J54" s="40"/>
      <c r="K54" s="40"/>
      <c r="L54" s="40"/>
      <c r="M54" s="40"/>
      <c r="N54" s="40"/>
      <c r="O54" s="40"/>
      <c r="P54" s="40"/>
      <c r="Q54" s="40"/>
      <c r="R54" s="40"/>
      <c r="S54" s="40"/>
      <c r="T54" s="40"/>
      <c r="U54" s="40"/>
      <c r="V54" s="40"/>
    </row>
    <row r="55" spans="1:22">
      <c r="A55" s="57" t="s">
        <v>84</v>
      </c>
      <c r="B55" s="58"/>
      <c r="C55" s="59">
        <v>70621.746422424243</v>
      </c>
      <c r="D55" s="60">
        <v>95195.979922424231</v>
      </c>
      <c r="E55" s="60">
        <v>108731.37764242422</v>
      </c>
      <c r="F55" s="60">
        <v>110971.93764242422</v>
      </c>
      <c r="G55" s="60">
        <v>110971.93764242422</v>
      </c>
      <c r="H55" s="60">
        <v>88283.768862424244</v>
      </c>
      <c r="I55" s="60">
        <v>63709.535362424242</v>
      </c>
      <c r="J55" s="60">
        <v>50174.137642424233</v>
      </c>
      <c r="K55" s="60">
        <v>47933.577642424236</v>
      </c>
      <c r="L55" s="60">
        <v>58933.577642424236</v>
      </c>
      <c r="M55" s="60">
        <v>75021.746422424243</v>
      </c>
      <c r="N55" s="60">
        <v>1069267.7046133333</v>
      </c>
      <c r="O55" s="61">
        <v>1082803.1023333333</v>
      </c>
      <c r="P55" s="61">
        <v>1085043.6623333334</v>
      </c>
      <c r="Q55" s="61">
        <v>1074043.6623333334</v>
      </c>
      <c r="R55" s="61">
        <v>1057955.4935533332</v>
      </c>
      <c r="S55" s="61">
        <v>1033381.2600533332</v>
      </c>
      <c r="T55" s="61">
        <v>1019845.8623333334</v>
      </c>
      <c r="U55" s="61">
        <v>1017605.3023333333</v>
      </c>
      <c r="V55" s="61">
        <v>1017605.3023333333</v>
      </c>
    </row>
    <row r="56" spans="1:22">
      <c r="A56" s="62" t="s">
        <v>85</v>
      </c>
      <c r="B56" s="63"/>
      <c r="C56" s="65">
        <v>47822.275309090903</v>
      </c>
      <c r="D56" s="65">
        <v>47822.275309090903</v>
      </c>
      <c r="E56" s="65">
        <v>47822.275309090903</v>
      </c>
      <c r="F56" s="65">
        <v>47822.275309090903</v>
      </c>
      <c r="G56" s="65">
        <v>47822.275309090903</v>
      </c>
      <c r="H56" s="65">
        <v>47822.275309090903</v>
      </c>
      <c r="I56" s="65">
        <v>47822.275309090903</v>
      </c>
      <c r="J56" s="65">
        <v>47822.275309090903</v>
      </c>
      <c r="K56" s="65">
        <v>47822.275309090903</v>
      </c>
      <c r="L56" s="65">
        <v>47822.275309090903</v>
      </c>
      <c r="M56" s="65">
        <v>47822.275309090903</v>
      </c>
      <c r="N56" s="65">
        <v>1017494</v>
      </c>
      <c r="O56" s="65">
        <v>1017494</v>
      </c>
      <c r="P56" s="65">
        <v>1017494</v>
      </c>
      <c r="Q56" s="65">
        <v>1017494</v>
      </c>
      <c r="R56" s="65">
        <v>1017494</v>
      </c>
      <c r="S56" s="65">
        <v>1017494</v>
      </c>
      <c r="T56" s="65">
        <v>1017494</v>
      </c>
      <c r="U56" s="65">
        <v>1017494</v>
      </c>
      <c r="V56" s="66">
        <v>1017494</v>
      </c>
    </row>
    <row r="57" spans="1:22">
      <c r="A57" s="67" t="s">
        <v>86</v>
      </c>
      <c r="B57" s="40"/>
      <c r="C57" s="41">
        <v>111.30233333333334</v>
      </c>
      <c r="D57" s="41">
        <v>111.30233333333334</v>
      </c>
      <c r="E57" s="41">
        <v>111.30233333333334</v>
      </c>
      <c r="F57" s="41">
        <v>111.30233333333334</v>
      </c>
      <c r="G57" s="41">
        <v>111.30233333333334</v>
      </c>
      <c r="H57" s="41">
        <v>111.30233333333334</v>
      </c>
      <c r="I57" s="41">
        <v>111.30233333333334</v>
      </c>
      <c r="J57" s="41">
        <v>111.30233333333334</v>
      </c>
      <c r="K57" s="41">
        <v>111.30233333333334</v>
      </c>
      <c r="L57" s="41">
        <v>111.30233333333334</v>
      </c>
      <c r="M57" s="41">
        <v>111.30233333333334</v>
      </c>
      <c r="N57" s="41">
        <v>111.30233333333334</v>
      </c>
      <c r="O57" s="41">
        <v>111.30233333333334</v>
      </c>
      <c r="P57" s="41">
        <v>111.30233333333334</v>
      </c>
      <c r="Q57" s="41">
        <v>111.30233333333334</v>
      </c>
      <c r="R57" s="41">
        <v>111.30233333333334</v>
      </c>
      <c r="S57" s="41">
        <v>111.30233333333334</v>
      </c>
      <c r="T57" s="41">
        <v>111.30233333333334</v>
      </c>
      <c r="U57" s="41">
        <v>111.30233333333334</v>
      </c>
      <c r="V57" s="41">
        <v>111.30233333333334</v>
      </c>
    </row>
    <row r="58" spans="1:22">
      <c r="A58" s="70" t="s">
        <v>87</v>
      </c>
      <c r="B58" s="71"/>
      <c r="C58" s="73">
        <v>22688.16878</v>
      </c>
      <c r="D58" s="73">
        <v>47262.402279999995</v>
      </c>
      <c r="E58" s="73">
        <v>60797.799999999996</v>
      </c>
      <c r="F58" s="73">
        <v>63038.359999999993</v>
      </c>
      <c r="G58" s="73">
        <v>63038.359999999993</v>
      </c>
      <c r="H58" s="73">
        <v>40350.191220000001</v>
      </c>
      <c r="I58" s="73">
        <v>15775.957720000002</v>
      </c>
      <c r="J58" s="73">
        <v>2240.56</v>
      </c>
      <c r="K58" s="73">
        <v>0</v>
      </c>
      <c r="L58" s="73">
        <v>11000</v>
      </c>
      <c r="M58" s="73">
        <v>27088.16878</v>
      </c>
      <c r="N58" s="73">
        <v>51662.402279999995</v>
      </c>
      <c r="O58" s="73">
        <v>65197.8</v>
      </c>
      <c r="P58" s="73">
        <v>67438.36</v>
      </c>
      <c r="Q58" s="73">
        <v>56438.36</v>
      </c>
      <c r="R58" s="73">
        <v>40350.191220000001</v>
      </c>
      <c r="S58" s="73">
        <v>15775.957720000002</v>
      </c>
      <c r="T58" s="73">
        <v>2240.56</v>
      </c>
      <c r="U58" s="73">
        <v>0</v>
      </c>
      <c r="V58" s="74">
        <v>0</v>
      </c>
    </row>
    <row r="87" spans="11:11" ht="12.75">
      <c r="K87" s="119" t="s">
        <v>139</v>
      </c>
    </row>
  </sheetData>
  <pageMargins left="0.17" right="0.51181102362204722" top="0.36" bottom="0.78740157480314965" header="0.31496062992125984" footer="0.31496062992125984"/>
  <pageSetup paperSize="9" scale="51" orientation="landscape" r:id="rId1"/>
  <drawing r:id="rId2"/>
</worksheet>
</file>

<file path=xl/worksheets/sheet15.xml><?xml version="1.0" encoding="utf-8"?>
<worksheet xmlns="http://schemas.openxmlformats.org/spreadsheetml/2006/main" xmlns:r="http://schemas.openxmlformats.org/officeDocument/2006/relationships">
  <sheetPr codeName="Plan24"/>
  <dimension ref="A1:V96"/>
  <sheetViews>
    <sheetView tabSelected="1" view="pageBreakPreview" topLeftCell="A70" zoomScale="80" zoomScaleNormal="100" zoomScaleSheetLayoutView="80" workbookViewId="0">
      <selection activeCell="K96" sqref="K96"/>
    </sheetView>
  </sheetViews>
  <sheetFormatPr defaultRowHeight="11.25"/>
  <cols>
    <col min="1" max="1" width="34.85546875" style="2" customWidth="1"/>
    <col min="2" max="2" width="11.85546875" style="2" bestFit="1" customWidth="1"/>
    <col min="3" max="3" width="11.5703125" style="2" bestFit="1" customWidth="1"/>
    <col min="4" max="22" width="10.5703125" style="2" customWidth="1"/>
    <col min="23" max="23" width="9.140625" style="2"/>
    <col min="24" max="25" width="9.140625" style="2" customWidth="1"/>
    <col min="26" max="16384" width="9.140625" style="2"/>
  </cols>
  <sheetData>
    <row r="1" spans="1:22" ht="18">
      <c r="A1" s="93" t="s">
        <v>125</v>
      </c>
    </row>
    <row r="4" spans="1:22" ht="18">
      <c r="A4" s="93" t="s">
        <v>112</v>
      </c>
    </row>
    <row r="5" spans="1:22" ht="15.75">
      <c r="A5" s="105" t="s">
        <v>126</v>
      </c>
    </row>
    <row r="6" spans="1:22" ht="15.75">
      <c r="A6" s="105" t="s">
        <v>113</v>
      </c>
    </row>
    <row r="7" spans="1:22" ht="12.75">
      <c r="A7" s="106" t="s">
        <v>57</v>
      </c>
      <c r="B7" s="107"/>
      <c r="C7" s="108">
        <v>10</v>
      </c>
    </row>
    <row r="8" spans="1:22" ht="12.75">
      <c r="A8" s="109" t="s">
        <v>59</v>
      </c>
      <c r="B8" s="110"/>
      <c r="C8" s="122">
        <v>60021.944936286425</v>
      </c>
    </row>
    <row r="9" spans="1:22" ht="12.75">
      <c r="A9" s="112"/>
      <c r="B9" s="112"/>
      <c r="C9" s="113"/>
    </row>
    <row r="10" spans="1:22" ht="12.75">
      <c r="A10" s="106" t="s">
        <v>60</v>
      </c>
      <c r="B10" s="107"/>
      <c r="C10" s="114">
        <v>48306.211448279624</v>
      </c>
    </row>
    <row r="11" spans="1:22" ht="12.75">
      <c r="A11" s="106" t="s">
        <v>61</v>
      </c>
      <c r="B11" s="107"/>
      <c r="C11" s="114">
        <v>16557.703011999998</v>
      </c>
    </row>
    <row r="12" spans="1:22" ht="12.75">
      <c r="A12" s="106" t="s">
        <v>62</v>
      </c>
      <c r="B12" s="107"/>
      <c r="C12" s="115">
        <v>31748.508436279626</v>
      </c>
    </row>
    <row r="13" spans="1:22" ht="12.75">
      <c r="A13" s="106" t="s">
        <v>63</v>
      </c>
      <c r="B13" s="107"/>
      <c r="C13" s="114">
        <v>17711.196957141961</v>
      </c>
    </row>
    <row r="14" spans="1:22">
      <c r="A14" s="40"/>
      <c r="B14" s="40"/>
      <c r="C14" s="41"/>
    </row>
    <row r="15" spans="1:22" ht="18">
      <c r="A15" s="116" t="s">
        <v>114</v>
      </c>
      <c r="C15" s="41"/>
      <c r="D15" s="28"/>
      <c r="V15" s="42" t="s">
        <v>64</v>
      </c>
    </row>
    <row r="16" spans="1:22">
      <c r="A16" s="43"/>
      <c r="B16" s="43" t="s">
        <v>3</v>
      </c>
      <c r="C16" s="43" t="s">
        <v>4</v>
      </c>
      <c r="D16" s="43" t="s">
        <v>5</v>
      </c>
      <c r="E16" s="43" t="s">
        <v>6</v>
      </c>
      <c r="F16" s="43" t="s">
        <v>7</v>
      </c>
      <c r="G16" s="43" t="s">
        <v>8</v>
      </c>
      <c r="H16" s="43" t="s">
        <v>9</v>
      </c>
      <c r="I16" s="43" t="s">
        <v>10</v>
      </c>
      <c r="J16" s="43" t="s">
        <v>11</v>
      </c>
      <c r="K16" s="43" t="s">
        <v>12</v>
      </c>
      <c r="L16" s="43" t="s">
        <v>13</v>
      </c>
      <c r="M16" s="43" t="s">
        <v>14</v>
      </c>
      <c r="N16" s="43" t="s">
        <v>15</v>
      </c>
      <c r="O16" s="43" t="s">
        <v>16</v>
      </c>
      <c r="P16" s="43" t="s">
        <v>17</v>
      </c>
      <c r="Q16" s="43" t="s">
        <v>18</v>
      </c>
      <c r="R16" s="43" t="s">
        <v>19</v>
      </c>
      <c r="S16" s="43" t="s">
        <v>20</v>
      </c>
      <c r="T16" s="43" t="s">
        <v>21</v>
      </c>
      <c r="U16" s="43" t="s">
        <v>22</v>
      </c>
      <c r="V16" s="43" t="s">
        <v>23</v>
      </c>
    </row>
    <row r="17" spans="1:22">
      <c r="A17" s="40" t="s">
        <v>65</v>
      </c>
      <c r="B17" s="40"/>
      <c r="C17" s="41">
        <v>7202633.392354371</v>
      </c>
      <c r="D17" s="41">
        <v>7202633.392354371</v>
      </c>
      <c r="E17" s="41">
        <v>7202633.392354371</v>
      </c>
      <c r="F17" s="41">
        <v>7202633.392354371</v>
      </c>
      <c r="G17" s="41">
        <v>7202633.392354371</v>
      </c>
      <c r="H17" s="41">
        <v>7202633.392354371</v>
      </c>
      <c r="I17" s="41">
        <v>7202633.392354371</v>
      </c>
      <c r="J17" s="41">
        <v>7202633.392354371</v>
      </c>
      <c r="K17" s="41">
        <v>7202633.392354371</v>
      </c>
      <c r="L17" s="41">
        <v>7202633.392354371</v>
      </c>
      <c r="M17" s="41">
        <v>7202633.392354371</v>
      </c>
      <c r="N17" s="41">
        <v>7202633.392354371</v>
      </c>
      <c r="O17" s="41">
        <v>7202633.392354371</v>
      </c>
      <c r="P17" s="41">
        <v>7202633.392354371</v>
      </c>
      <c r="Q17" s="41">
        <v>7202633.392354371</v>
      </c>
      <c r="R17" s="41">
        <v>7202633.392354371</v>
      </c>
      <c r="S17" s="41">
        <v>7202633.392354371</v>
      </c>
      <c r="T17" s="41">
        <v>7202633.392354371</v>
      </c>
      <c r="U17" s="41">
        <v>7202633.392354371</v>
      </c>
      <c r="V17" s="41">
        <v>7202633.392354371</v>
      </c>
    </row>
    <row r="18" spans="1:22">
      <c r="A18" s="44" t="s">
        <v>66</v>
      </c>
      <c r="B18" s="44"/>
      <c r="C18" s="45">
        <v>144052.66784708743</v>
      </c>
      <c r="D18" s="45">
        <v>144052.66784708743</v>
      </c>
      <c r="E18" s="45">
        <v>144052.66784708743</v>
      </c>
      <c r="F18" s="45">
        <v>144052.66784708743</v>
      </c>
      <c r="G18" s="45">
        <v>144052.66784708743</v>
      </c>
      <c r="H18" s="45">
        <v>144052.66784708743</v>
      </c>
      <c r="I18" s="45">
        <v>144052.66784708743</v>
      </c>
      <c r="J18" s="45">
        <v>144052.66784708743</v>
      </c>
      <c r="K18" s="45">
        <v>144052.66784708743</v>
      </c>
      <c r="L18" s="45">
        <v>144052.66784708743</v>
      </c>
      <c r="M18" s="45">
        <v>144052.66784708743</v>
      </c>
      <c r="N18" s="45">
        <v>144052.66784708743</v>
      </c>
      <c r="O18" s="45">
        <v>144052.66784708743</v>
      </c>
      <c r="P18" s="45">
        <v>144052.66784708743</v>
      </c>
      <c r="Q18" s="45">
        <v>144052.66784708743</v>
      </c>
      <c r="R18" s="45">
        <v>144052.66784708743</v>
      </c>
      <c r="S18" s="45">
        <v>144052.66784708743</v>
      </c>
      <c r="T18" s="45">
        <v>144052.66784708743</v>
      </c>
      <c r="U18" s="45">
        <v>144052.66784708743</v>
      </c>
      <c r="V18" s="45">
        <v>144052.66784708743</v>
      </c>
    </row>
    <row r="19" spans="1:22">
      <c r="A19" s="40" t="s">
        <v>67</v>
      </c>
      <c r="B19" s="40"/>
      <c r="C19" s="46">
        <v>7058580.7245072834</v>
      </c>
      <c r="D19" s="46">
        <v>7058580.7245072834</v>
      </c>
      <c r="E19" s="46">
        <v>7058580.7245072834</v>
      </c>
      <c r="F19" s="46">
        <v>7058580.7245072834</v>
      </c>
      <c r="G19" s="46">
        <v>7058580.7245072834</v>
      </c>
      <c r="H19" s="46">
        <v>7058580.7245072834</v>
      </c>
      <c r="I19" s="46">
        <v>7058580.7245072834</v>
      </c>
      <c r="J19" s="46">
        <v>7058580.7245072834</v>
      </c>
      <c r="K19" s="46">
        <v>7058580.7245072834</v>
      </c>
      <c r="L19" s="46">
        <v>7058580.7245072834</v>
      </c>
      <c r="M19" s="46">
        <v>7058580.7245072834</v>
      </c>
      <c r="N19" s="46">
        <v>7058580.7245072834</v>
      </c>
      <c r="O19" s="46">
        <v>7058580.7245072834</v>
      </c>
      <c r="P19" s="46">
        <v>7058580.7245072834</v>
      </c>
      <c r="Q19" s="46">
        <v>7058580.7245072834</v>
      </c>
      <c r="R19" s="46">
        <v>7058580.7245072834</v>
      </c>
      <c r="S19" s="46">
        <v>7058580.7245072834</v>
      </c>
      <c r="T19" s="46">
        <v>7058580.7245072834</v>
      </c>
      <c r="U19" s="46">
        <v>7058580.7245072834</v>
      </c>
      <c r="V19" s="46">
        <v>7058580.7245072834</v>
      </c>
    </row>
    <row r="20" spans="1:22">
      <c r="A20" s="40"/>
      <c r="B20" s="40"/>
      <c r="C20" s="40"/>
      <c r="D20" s="40"/>
      <c r="E20" s="40"/>
      <c r="F20" s="40"/>
      <c r="G20" s="40"/>
      <c r="H20" s="40"/>
      <c r="I20" s="40"/>
      <c r="J20" s="40"/>
      <c r="K20" s="40"/>
      <c r="L20" s="40"/>
      <c r="M20" s="40"/>
      <c r="N20" s="40"/>
      <c r="O20" s="40"/>
      <c r="P20" s="40"/>
      <c r="Q20" s="40"/>
      <c r="R20" s="40"/>
      <c r="S20" s="40"/>
      <c r="T20" s="40"/>
      <c r="U20" s="40"/>
      <c r="V20" s="40"/>
    </row>
    <row r="21" spans="1:22">
      <c r="A21" s="44" t="s">
        <v>68</v>
      </c>
      <c r="B21" s="44"/>
      <c r="C21" s="45">
        <v>5980860.5433649747</v>
      </c>
      <c r="D21" s="45">
        <v>5980860.5433649747</v>
      </c>
      <c r="E21" s="45">
        <v>5980860.5433649747</v>
      </c>
      <c r="F21" s="45">
        <v>5988263.3433649745</v>
      </c>
      <c r="G21" s="45">
        <v>5988263.3433649745</v>
      </c>
      <c r="H21" s="45">
        <v>5988263.3433649745</v>
      </c>
      <c r="I21" s="45">
        <v>5988263.3433649745</v>
      </c>
      <c r="J21" s="45">
        <v>5988263.3433649745</v>
      </c>
      <c r="K21" s="45">
        <v>5988263.3433649745</v>
      </c>
      <c r="L21" s="45">
        <v>5988263.3433649745</v>
      </c>
      <c r="M21" s="47">
        <v>5980860.5433649747</v>
      </c>
      <c r="N21" s="47">
        <v>5980860.5433649747</v>
      </c>
      <c r="O21" s="47">
        <v>5980860.5433649747</v>
      </c>
      <c r="P21" s="47">
        <v>5988263.3433649745</v>
      </c>
      <c r="Q21" s="47">
        <v>5988263.3433649745</v>
      </c>
      <c r="R21" s="47">
        <v>5988263.3433649745</v>
      </c>
      <c r="S21" s="47">
        <v>5988263.3433649745</v>
      </c>
      <c r="T21" s="47">
        <v>5988263.3433649745</v>
      </c>
      <c r="U21" s="47">
        <v>5988263.3433649745</v>
      </c>
      <c r="V21" s="47">
        <v>5988263.3433649745</v>
      </c>
    </row>
    <row r="22" spans="1:22">
      <c r="A22" s="40"/>
      <c r="B22" s="40"/>
      <c r="C22" s="40"/>
      <c r="D22" s="40"/>
      <c r="E22" s="40"/>
      <c r="F22" s="40"/>
      <c r="G22" s="40"/>
      <c r="H22" s="40"/>
      <c r="I22" s="40"/>
      <c r="J22" s="40"/>
      <c r="K22" s="40"/>
      <c r="L22" s="40"/>
      <c r="M22" s="40"/>
      <c r="N22" s="40"/>
      <c r="O22" s="40"/>
      <c r="P22" s="40"/>
      <c r="Q22" s="40"/>
      <c r="R22" s="40"/>
      <c r="S22" s="40"/>
      <c r="T22" s="40"/>
      <c r="U22" s="40"/>
      <c r="V22" s="40"/>
    </row>
    <row r="23" spans="1:22">
      <c r="A23" s="40" t="s">
        <v>69</v>
      </c>
      <c r="B23" s="40"/>
      <c r="C23" s="41">
        <v>406563.14777696971</v>
      </c>
      <c r="D23" s="41">
        <v>431137.38127696968</v>
      </c>
      <c r="E23" s="41">
        <v>444672.77899696969</v>
      </c>
      <c r="F23" s="41">
        <v>446913.33899696969</v>
      </c>
      <c r="G23" s="41">
        <v>446913.33899696969</v>
      </c>
      <c r="H23" s="41">
        <v>424225.17021696968</v>
      </c>
      <c r="I23" s="41">
        <v>399650.93671696971</v>
      </c>
      <c r="J23" s="41">
        <v>386115.5389969697</v>
      </c>
      <c r="K23" s="41">
        <v>383874.9789969697</v>
      </c>
      <c r="L23" s="41">
        <v>394874.9789969697</v>
      </c>
      <c r="M23" s="41">
        <v>410963.14777696971</v>
      </c>
      <c r="N23" s="41">
        <v>1234350.4035133333</v>
      </c>
      <c r="O23" s="41">
        <v>1247885.8012333333</v>
      </c>
      <c r="P23" s="41">
        <v>1250126.3612333334</v>
      </c>
      <c r="Q23" s="41">
        <v>1837164.1623333334</v>
      </c>
      <c r="R23" s="41">
        <v>1821075.9935533332</v>
      </c>
      <c r="S23" s="41">
        <v>1796501.7600533334</v>
      </c>
      <c r="T23" s="41">
        <v>1782966.3623333334</v>
      </c>
      <c r="U23" s="41">
        <v>1780725.8023333333</v>
      </c>
      <c r="V23" s="41">
        <v>1780614.5</v>
      </c>
    </row>
    <row r="24" spans="1:22">
      <c r="A24" s="40"/>
      <c r="B24" s="40"/>
      <c r="C24" s="40"/>
      <c r="D24" s="40"/>
      <c r="E24" s="40"/>
      <c r="F24" s="40"/>
      <c r="G24" s="40"/>
      <c r="H24" s="40"/>
      <c r="I24" s="40"/>
      <c r="J24" s="40"/>
      <c r="K24" s="40"/>
      <c r="L24" s="40"/>
      <c r="M24" s="40"/>
      <c r="N24" s="40"/>
      <c r="O24" s="40"/>
      <c r="P24" s="40"/>
      <c r="Q24" s="40"/>
      <c r="R24" s="40"/>
      <c r="S24" s="40"/>
      <c r="T24" s="40"/>
      <c r="U24" s="40"/>
      <c r="V24" s="40"/>
    </row>
    <row r="25" spans="1:22">
      <c r="A25" s="44" t="s">
        <v>70</v>
      </c>
      <c r="B25" s="44"/>
      <c r="C25" s="47">
        <v>671157.03336533904</v>
      </c>
      <c r="D25" s="47">
        <v>646582.79986533907</v>
      </c>
      <c r="E25" s="47">
        <v>633047.40214533906</v>
      </c>
      <c r="F25" s="47">
        <v>623404.04214533931</v>
      </c>
      <c r="G25" s="47">
        <v>623404.04214533931</v>
      </c>
      <c r="H25" s="47">
        <v>646092.21092533926</v>
      </c>
      <c r="I25" s="47">
        <v>670666.44442533923</v>
      </c>
      <c r="J25" s="47">
        <v>684201.84214533924</v>
      </c>
      <c r="K25" s="47">
        <v>686442.40214533918</v>
      </c>
      <c r="L25" s="47">
        <v>675442.40214533918</v>
      </c>
      <c r="M25" s="47">
        <v>666757.03336533904</v>
      </c>
      <c r="N25" s="47">
        <v>-156630.22237102455</v>
      </c>
      <c r="O25" s="47">
        <v>-170165.62009102455</v>
      </c>
      <c r="P25" s="47">
        <v>-179808.98009102442</v>
      </c>
      <c r="Q25" s="47">
        <v>-766846.78119102446</v>
      </c>
      <c r="R25" s="47">
        <v>-750758.61241102428</v>
      </c>
      <c r="S25" s="47">
        <v>-726184.37891102443</v>
      </c>
      <c r="T25" s="47">
        <v>-712648.98119102442</v>
      </c>
      <c r="U25" s="47">
        <v>-710408.42119102436</v>
      </c>
      <c r="V25" s="47">
        <v>-710297.11885769106</v>
      </c>
    </row>
    <row r="26" spans="1:22">
      <c r="A26" s="40"/>
      <c r="B26" s="40"/>
      <c r="C26" s="40"/>
      <c r="D26" s="40"/>
      <c r="E26" s="40"/>
      <c r="F26" s="40"/>
      <c r="G26" s="40"/>
      <c r="H26" s="40"/>
      <c r="I26" s="40"/>
      <c r="J26" s="40"/>
      <c r="K26" s="40"/>
      <c r="L26" s="40"/>
      <c r="M26" s="40"/>
      <c r="N26" s="40"/>
      <c r="O26" s="40"/>
      <c r="P26" s="40"/>
      <c r="Q26" s="40"/>
      <c r="R26" s="40"/>
      <c r="S26" s="40"/>
      <c r="T26" s="40"/>
      <c r="U26" s="40"/>
      <c r="V26" s="40"/>
    </row>
    <row r="27" spans="1:22">
      <c r="A27" s="40" t="s">
        <v>71</v>
      </c>
      <c r="B27" s="40"/>
      <c r="C27" s="41">
        <v>228193.39134421528</v>
      </c>
      <c r="D27" s="41">
        <v>219838.15195421531</v>
      </c>
      <c r="E27" s="41">
        <v>215236.11672941528</v>
      </c>
      <c r="F27" s="41">
        <v>211957.37432941538</v>
      </c>
      <c r="G27" s="41">
        <v>211957.37432941538</v>
      </c>
      <c r="H27" s="41">
        <v>219671.35171461536</v>
      </c>
      <c r="I27" s="41">
        <v>228026.59110461536</v>
      </c>
      <c r="J27" s="41">
        <v>232628.62632941536</v>
      </c>
      <c r="K27" s="41">
        <v>233390.41672941533</v>
      </c>
      <c r="L27" s="41">
        <v>229650.41672941533</v>
      </c>
      <c r="M27" s="41">
        <v>226697.39134421528</v>
      </c>
      <c r="N27" s="41">
        <v>0</v>
      </c>
      <c r="O27" s="41">
        <v>0</v>
      </c>
      <c r="P27" s="41">
        <v>0</v>
      </c>
      <c r="Q27" s="41">
        <v>0</v>
      </c>
      <c r="R27" s="41">
        <v>0</v>
      </c>
      <c r="S27" s="41">
        <v>0</v>
      </c>
      <c r="T27" s="41">
        <v>0</v>
      </c>
      <c r="U27" s="41">
        <v>0</v>
      </c>
      <c r="V27" s="41">
        <v>0</v>
      </c>
    </row>
    <row r="28" spans="1:22">
      <c r="A28" s="40"/>
      <c r="B28" s="40"/>
      <c r="C28" s="40"/>
      <c r="D28" s="40"/>
      <c r="E28" s="40"/>
      <c r="F28" s="40"/>
      <c r="G28" s="40"/>
      <c r="H28" s="40"/>
      <c r="I28" s="40"/>
      <c r="J28" s="40"/>
      <c r="K28" s="40"/>
      <c r="L28" s="40"/>
      <c r="M28" s="40"/>
      <c r="N28" s="40"/>
      <c r="O28" s="40"/>
      <c r="P28" s="40"/>
      <c r="Q28" s="40"/>
      <c r="R28" s="40"/>
      <c r="S28" s="40"/>
      <c r="T28" s="40"/>
      <c r="U28" s="40"/>
      <c r="V28" s="40"/>
    </row>
    <row r="29" spans="1:22">
      <c r="A29" s="44" t="s">
        <v>72</v>
      </c>
      <c r="B29" s="44"/>
      <c r="C29" s="47">
        <v>442963.64202112379</v>
      </c>
      <c r="D29" s="47">
        <v>426744.64791112376</v>
      </c>
      <c r="E29" s="47">
        <v>417811.2854159238</v>
      </c>
      <c r="F29" s="47">
        <v>411446.66781592392</v>
      </c>
      <c r="G29" s="47">
        <v>411446.66781592392</v>
      </c>
      <c r="H29" s="47">
        <v>426420.85921072389</v>
      </c>
      <c r="I29" s="47">
        <v>442639.85332072387</v>
      </c>
      <c r="J29" s="47">
        <v>451573.21581592388</v>
      </c>
      <c r="K29" s="47">
        <v>453051.98541592387</v>
      </c>
      <c r="L29" s="47">
        <v>445791.98541592387</v>
      </c>
      <c r="M29" s="47">
        <v>440059.64202112379</v>
      </c>
      <c r="N29" s="47">
        <v>-156630.22237102455</v>
      </c>
      <c r="O29" s="47">
        <v>-170165.62009102455</v>
      </c>
      <c r="P29" s="47">
        <v>-179808.98009102442</v>
      </c>
      <c r="Q29" s="47">
        <v>-766846.78119102446</v>
      </c>
      <c r="R29" s="47">
        <v>-750758.61241102428</v>
      </c>
      <c r="S29" s="47">
        <v>-726184.37891102443</v>
      </c>
      <c r="T29" s="47">
        <v>-712648.98119102442</v>
      </c>
      <c r="U29" s="47">
        <v>-710408.42119102436</v>
      </c>
      <c r="V29" s="47">
        <v>-710297.11885769106</v>
      </c>
    </row>
    <row r="30" spans="1:22">
      <c r="A30" s="40"/>
      <c r="B30" s="40"/>
      <c r="C30" s="40"/>
      <c r="D30" s="40"/>
      <c r="E30" s="40"/>
      <c r="F30" s="40"/>
      <c r="G30" s="40"/>
      <c r="H30" s="40"/>
      <c r="I30" s="40"/>
      <c r="J30" s="40"/>
      <c r="K30" s="40"/>
      <c r="L30" s="40"/>
      <c r="M30" s="40"/>
      <c r="N30" s="40"/>
      <c r="O30" s="40"/>
      <c r="P30" s="40"/>
      <c r="Q30" s="40"/>
      <c r="R30" s="40"/>
      <c r="S30" s="40"/>
      <c r="T30" s="40"/>
      <c r="U30" s="40"/>
      <c r="V30" s="40"/>
    </row>
    <row r="31" spans="1:22">
      <c r="A31" s="40" t="s">
        <v>73</v>
      </c>
      <c r="B31" s="40"/>
      <c r="C31" s="41">
        <v>406563.14777696971</v>
      </c>
      <c r="D31" s="41">
        <v>431137.38127696968</v>
      </c>
      <c r="E31" s="41">
        <v>444672.77899696969</v>
      </c>
      <c r="F31" s="41">
        <v>446913.33899696969</v>
      </c>
      <c r="G31" s="41">
        <v>446913.33899696969</v>
      </c>
      <c r="H31" s="41">
        <v>424225.17021696968</v>
      </c>
      <c r="I31" s="41">
        <v>399650.93671696971</v>
      </c>
      <c r="J31" s="41">
        <v>386115.5389969697</v>
      </c>
      <c r="K31" s="41">
        <v>383874.9789969697</v>
      </c>
      <c r="L31" s="41">
        <v>394874.9789969697</v>
      </c>
      <c r="M31" s="41">
        <v>410963.14777696971</v>
      </c>
      <c r="N31" s="41">
        <v>1234350.4035133333</v>
      </c>
      <c r="O31" s="41">
        <v>1247885.8012333333</v>
      </c>
      <c r="P31" s="41">
        <v>1250126.3612333334</v>
      </c>
      <c r="Q31" s="41">
        <v>1837164.1623333334</v>
      </c>
      <c r="R31" s="41">
        <v>1821075.9935533332</v>
      </c>
      <c r="S31" s="41">
        <v>1796501.7600533334</v>
      </c>
      <c r="T31" s="41">
        <v>1782966.3623333334</v>
      </c>
      <c r="U31" s="41">
        <v>1780725.8023333333</v>
      </c>
      <c r="V31" s="41">
        <v>1780614.5</v>
      </c>
    </row>
    <row r="32" spans="1:22">
      <c r="A32" s="40"/>
      <c r="B32" s="40"/>
      <c r="C32" s="40"/>
      <c r="D32" s="40"/>
      <c r="E32" s="40"/>
      <c r="F32" s="40"/>
      <c r="G32" s="40"/>
      <c r="H32" s="40"/>
      <c r="I32" s="40"/>
      <c r="J32" s="40"/>
      <c r="K32" s="40"/>
      <c r="L32" s="40"/>
      <c r="M32" s="40"/>
      <c r="N32" s="40"/>
      <c r="O32" s="40"/>
      <c r="P32" s="40"/>
      <c r="Q32" s="40"/>
      <c r="R32" s="40"/>
      <c r="S32" s="40"/>
      <c r="T32" s="40"/>
      <c r="U32" s="40"/>
      <c r="V32" s="40"/>
    </row>
    <row r="33" spans="1:22">
      <c r="A33" s="44" t="s">
        <v>74</v>
      </c>
      <c r="B33" s="44"/>
      <c r="C33" s="47">
        <v>849526.78979809349</v>
      </c>
      <c r="D33" s="47">
        <v>857882.0291880935</v>
      </c>
      <c r="E33" s="47">
        <v>862484.06441289349</v>
      </c>
      <c r="F33" s="47">
        <v>858360.00681289355</v>
      </c>
      <c r="G33" s="47">
        <v>858360.00681289355</v>
      </c>
      <c r="H33" s="47">
        <v>850646.02942769357</v>
      </c>
      <c r="I33" s="47">
        <v>842290.79003769357</v>
      </c>
      <c r="J33" s="47">
        <v>837688.75481289357</v>
      </c>
      <c r="K33" s="47">
        <v>836926.96441289363</v>
      </c>
      <c r="L33" s="47">
        <v>840666.96441289363</v>
      </c>
      <c r="M33" s="47">
        <v>851022.78979809349</v>
      </c>
      <c r="N33" s="47">
        <v>1077720.1811423087</v>
      </c>
      <c r="O33" s="47">
        <v>1077720.1811423087</v>
      </c>
      <c r="P33" s="47">
        <v>1070317.3811423089</v>
      </c>
      <c r="Q33" s="47">
        <v>1070317.3811423089</v>
      </c>
      <c r="R33" s="47">
        <v>1070317.3811423089</v>
      </c>
      <c r="S33" s="47">
        <v>1070317.3811423089</v>
      </c>
      <c r="T33" s="47">
        <v>1070317.3811423089</v>
      </c>
      <c r="U33" s="47">
        <v>1070317.3811423089</v>
      </c>
      <c r="V33" s="47">
        <v>1070317.3811423089</v>
      </c>
    </row>
    <row r="34" spans="1:22">
      <c r="A34" s="40"/>
      <c r="B34" s="40"/>
      <c r="C34" s="40"/>
      <c r="D34" s="40"/>
      <c r="E34" s="40"/>
      <c r="F34" s="40"/>
      <c r="G34" s="40"/>
      <c r="H34" s="40"/>
      <c r="I34" s="40"/>
      <c r="J34" s="40"/>
      <c r="K34" s="40"/>
      <c r="L34" s="40"/>
      <c r="M34" s="40"/>
      <c r="N34" s="40"/>
      <c r="O34" s="40"/>
      <c r="P34" s="40"/>
      <c r="Q34" s="40"/>
      <c r="R34" s="40"/>
      <c r="S34" s="40"/>
      <c r="T34" s="40"/>
      <c r="U34" s="40"/>
      <c r="V34" s="40"/>
    </row>
    <row r="35" spans="1:22">
      <c r="A35" s="40" t="s">
        <v>75</v>
      </c>
      <c r="B35" s="46">
        <v>4836348.2364844512</v>
      </c>
      <c r="C35" s="46">
        <v>80440.843899999993</v>
      </c>
      <c r="D35" s="46">
        <v>122871.1675</v>
      </c>
      <c r="E35" s="46">
        <v>67676.988600000012</v>
      </c>
      <c r="F35" s="46">
        <v>11202.8</v>
      </c>
      <c r="G35" s="46">
        <v>0</v>
      </c>
      <c r="H35" s="46">
        <v>0</v>
      </c>
      <c r="I35" s="46">
        <v>0</v>
      </c>
      <c r="J35" s="46">
        <v>0</v>
      </c>
      <c r="K35" s="46">
        <v>0</v>
      </c>
      <c r="L35" s="46">
        <v>55000</v>
      </c>
      <c r="M35" s="46">
        <v>80440.843899999993</v>
      </c>
      <c r="N35" s="46">
        <v>4701594.1675000004</v>
      </c>
      <c r="O35" s="46">
        <v>67676.988600000012</v>
      </c>
      <c r="P35" s="46">
        <v>11202.8</v>
      </c>
      <c r="Q35" s="46">
        <v>4578723</v>
      </c>
      <c r="R35" s="46">
        <v>0</v>
      </c>
      <c r="S35" s="46">
        <v>0</v>
      </c>
      <c r="T35" s="46">
        <v>0</v>
      </c>
      <c r="U35" s="46">
        <v>0</v>
      </c>
      <c r="V35" s="46">
        <v>-81929.5964844517</v>
      </c>
    </row>
    <row r="36" spans="1:22">
      <c r="A36" s="48" t="s">
        <v>76</v>
      </c>
      <c r="B36" s="47">
        <v>4716648.54</v>
      </c>
      <c r="C36" s="47"/>
      <c r="D36" s="47"/>
      <c r="E36" s="47"/>
      <c r="F36" s="47"/>
      <c r="G36" s="47"/>
      <c r="H36" s="47"/>
      <c r="I36" s="47"/>
      <c r="J36" s="47"/>
      <c r="K36" s="47"/>
      <c r="L36" s="47"/>
      <c r="M36" s="47"/>
      <c r="N36" s="47">
        <v>4578723</v>
      </c>
      <c r="O36" s="47">
        <v>0</v>
      </c>
      <c r="P36" s="47">
        <v>0</v>
      </c>
      <c r="Q36" s="47">
        <v>4578723</v>
      </c>
      <c r="R36" s="47">
        <v>0</v>
      </c>
      <c r="S36" s="47"/>
      <c r="T36" s="47"/>
      <c r="U36" s="47"/>
      <c r="V36" s="47"/>
    </row>
    <row r="37" spans="1:22">
      <c r="A37" s="49" t="s">
        <v>77</v>
      </c>
      <c r="B37" s="41">
        <v>33000</v>
      </c>
      <c r="C37" s="41">
        <v>80440.843899999993</v>
      </c>
      <c r="D37" s="41">
        <v>122871.1675</v>
      </c>
      <c r="E37" s="41">
        <v>67676.988600000012</v>
      </c>
      <c r="F37" s="41">
        <v>11202.8</v>
      </c>
      <c r="G37" s="41">
        <v>0</v>
      </c>
      <c r="H37" s="41">
        <v>0</v>
      </c>
      <c r="I37" s="41">
        <v>0</v>
      </c>
      <c r="J37" s="41">
        <v>0</v>
      </c>
      <c r="K37" s="41">
        <v>0</v>
      </c>
      <c r="L37" s="41">
        <v>55000</v>
      </c>
      <c r="M37" s="41">
        <v>80440.843899999993</v>
      </c>
      <c r="N37" s="41">
        <v>122871.1675</v>
      </c>
      <c r="O37" s="41">
        <v>67676.988600000012</v>
      </c>
      <c r="P37" s="41">
        <v>11202.8</v>
      </c>
      <c r="Q37" s="41">
        <v>0</v>
      </c>
      <c r="R37" s="41">
        <v>0</v>
      </c>
      <c r="S37" s="41">
        <v>0</v>
      </c>
      <c r="T37" s="41">
        <v>0</v>
      </c>
      <c r="U37" s="41">
        <v>0</v>
      </c>
      <c r="V37" s="41">
        <v>0</v>
      </c>
    </row>
    <row r="38" spans="1:22">
      <c r="A38" s="48" t="s">
        <v>78</v>
      </c>
      <c r="B38" s="45">
        <v>4770.1000000000004</v>
      </c>
      <c r="C38" s="44">
        <v>0</v>
      </c>
      <c r="D38" s="44">
        <v>0</v>
      </c>
      <c r="E38" s="44">
        <v>0</v>
      </c>
      <c r="F38" s="44">
        <v>0</v>
      </c>
      <c r="G38" s="44">
        <v>0</v>
      </c>
      <c r="H38" s="44">
        <v>0</v>
      </c>
      <c r="I38" s="44">
        <v>0</v>
      </c>
      <c r="J38" s="44">
        <v>0</v>
      </c>
      <c r="K38" s="44">
        <v>0</v>
      </c>
      <c r="L38" s="44">
        <v>0</v>
      </c>
      <c r="M38" s="44"/>
      <c r="N38" s="44"/>
      <c r="O38" s="44"/>
      <c r="P38" s="44"/>
      <c r="Q38" s="44"/>
      <c r="R38" s="44"/>
      <c r="S38" s="44"/>
      <c r="T38" s="44"/>
      <c r="U38" s="44"/>
      <c r="V38" s="44"/>
    </row>
    <row r="39" spans="1:22">
      <c r="A39" s="49" t="s">
        <v>79</v>
      </c>
      <c r="B39" s="41">
        <v>81929.5964844517</v>
      </c>
      <c r="C39" s="40">
        <v>0</v>
      </c>
      <c r="D39" s="40">
        <v>0</v>
      </c>
      <c r="E39" s="40">
        <v>0</v>
      </c>
      <c r="F39" s="40">
        <v>0</v>
      </c>
      <c r="G39" s="40">
        <v>0</v>
      </c>
      <c r="H39" s="40">
        <v>0</v>
      </c>
      <c r="I39" s="40">
        <v>0</v>
      </c>
      <c r="J39" s="40">
        <v>0</v>
      </c>
      <c r="K39" s="40">
        <v>0</v>
      </c>
      <c r="L39" s="46">
        <v>0</v>
      </c>
      <c r="M39" s="46">
        <v>0</v>
      </c>
      <c r="N39" s="46">
        <v>0</v>
      </c>
      <c r="O39" s="46">
        <v>0</v>
      </c>
      <c r="P39" s="46">
        <v>0</v>
      </c>
      <c r="Q39" s="46">
        <v>0</v>
      </c>
      <c r="R39" s="46">
        <v>0</v>
      </c>
      <c r="S39" s="46">
        <v>0</v>
      </c>
      <c r="T39" s="46">
        <v>0</v>
      </c>
      <c r="U39" s="46">
        <v>0</v>
      </c>
      <c r="V39" s="46">
        <v>-81929.5964844517</v>
      </c>
    </row>
    <row r="40" spans="1:22">
      <c r="A40" s="40"/>
      <c r="B40" s="40"/>
      <c r="C40" s="40"/>
      <c r="D40" s="40"/>
      <c r="E40" s="40"/>
      <c r="F40" s="40"/>
      <c r="G40" s="40"/>
      <c r="H40" s="40"/>
      <c r="I40" s="40"/>
      <c r="J40" s="40"/>
      <c r="K40" s="40"/>
      <c r="L40" s="40"/>
      <c r="M40" s="40"/>
      <c r="N40" s="40"/>
      <c r="O40" s="40"/>
      <c r="P40" s="40"/>
      <c r="Q40" s="40"/>
      <c r="R40" s="40"/>
      <c r="S40" s="40"/>
      <c r="T40" s="40"/>
      <c r="U40" s="40"/>
      <c r="V40" s="40"/>
    </row>
    <row r="41" spans="1:22">
      <c r="A41" s="44" t="s">
        <v>80</v>
      </c>
      <c r="B41" s="45">
        <v>0</v>
      </c>
      <c r="C41" s="45">
        <v>0</v>
      </c>
      <c r="D41" s="45">
        <v>0</v>
      </c>
      <c r="E41" s="45">
        <v>0</v>
      </c>
      <c r="F41" s="45">
        <v>0</v>
      </c>
      <c r="G41" s="45">
        <v>0</v>
      </c>
      <c r="H41" s="45">
        <v>0</v>
      </c>
      <c r="I41" s="45">
        <v>0</v>
      </c>
      <c r="J41" s="45">
        <v>0</v>
      </c>
      <c r="K41" s="45">
        <v>0</v>
      </c>
      <c r="L41" s="45">
        <v>0</v>
      </c>
      <c r="M41" s="45">
        <v>0</v>
      </c>
      <c r="N41" s="45">
        <v>0</v>
      </c>
      <c r="O41" s="45">
        <v>0</v>
      </c>
      <c r="P41" s="45">
        <v>0</v>
      </c>
      <c r="Q41" s="45">
        <v>0</v>
      </c>
      <c r="R41" s="45">
        <v>0</v>
      </c>
      <c r="S41" s="45">
        <v>0</v>
      </c>
      <c r="T41" s="45">
        <v>0</v>
      </c>
      <c r="U41" s="45">
        <v>0</v>
      </c>
      <c r="V41" s="45">
        <v>2544.0533333333337</v>
      </c>
    </row>
    <row r="42" spans="1:22">
      <c r="A42" s="40" t="s">
        <v>81</v>
      </c>
      <c r="B42" s="40"/>
      <c r="C42" s="46">
        <v>0</v>
      </c>
      <c r="D42" s="46">
        <v>0</v>
      </c>
      <c r="E42" s="46">
        <v>0</v>
      </c>
      <c r="F42" s="46">
        <v>0</v>
      </c>
      <c r="G42" s="46">
        <v>0</v>
      </c>
      <c r="H42" s="46">
        <v>0</v>
      </c>
      <c r="I42" s="46">
        <v>0</v>
      </c>
      <c r="J42" s="46">
        <v>0</v>
      </c>
      <c r="K42" s="46">
        <v>0</v>
      </c>
      <c r="L42" s="46">
        <v>0</v>
      </c>
      <c r="M42" s="46">
        <v>0</v>
      </c>
      <c r="N42" s="46">
        <v>0</v>
      </c>
      <c r="O42" s="46">
        <v>0</v>
      </c>
      <c r="P42" s="46">
        <v>0</v>
      </c>
      <c r="Q42" s="46">
        <v>0</v>
      </c>
      <c r="R42" s="46">
        <v>0</v>
      </c>
      <c r="S42" s="46">
        <v>0</v>
      </c>
      <c r="T42" s="46">
        <v>0</v>
      </c>
      <c r="U42" s="46">
        <v>0</v>
      </c>
      <c r="V42" s="46">
        <v>0</v>
      </c>
    </row>
    <row r="43" spans="1:22">
      <c r="A43" s="44" t="s">
        <v>82</v>
      </c>
      <c r="B43" s="44"/>
      <c r="C43" s="44">
        <v>0</v>
      </c>
      <c r="D43" s="44">
        <v>0</v>
      </c>
      <c r="E43" s="44">
        <v>0</v>
      </c>
      <c r="F43" s="44">
        <v>0</v>
      </c>
      <c r="G43" s="44">
        <v>0</v>
      </c>
      <c r="H43" s="44">
        <v>0</v>
      </c>
      <c r="I43" s="44">
        <v>0</v>
      </c>
      <c r="J43" s="44">
        <v>0</v>
      </c>
      <c r="K43" s="44">
        <v>0</v>
      </c>
      <c r="L43" s="45">
        <v>0</v>
      </c>
      <c r="M43" s="44">
        <v>0</v>
      </c>
      <c r="N43" s="44">
        <v>0</v>
      </c>
      <c r="O43" s="44">
        <v>0</v>
      </c>
      <c r="P43" s="44">
        <v>0</v>
      </c>
      <c r="Q43" s="44">
        <v>0</v>
      </c>
      <c r="R43" s="44">
        <v>0</v>
      </c>
      <c r="S43" s="44">
        <v>0</v>
      </c>
      <c r="T43" s="44">
        <v>0</v>
      </c>
      <c r="U43" s="44">
        <v>0</v>
      </c>
      <c r="V43" s="44">
        <v>2544.0533333333337</v>
      </c>
    </row>
    <row r="44" spans="1:22">
      <c r="A44" s="40"/>
      <c r="B44" s="40"/>
      <c r="C44" s="40"/>
      <c r="D44" s="40"/>
      <c r="E44" s="40"/>
      <c r="F44" s="40"/>
      <c r="G44" s="40"/>
      <c r="H44" s="40"/>
      <c r="I44" s="40"/>
      <c r="J44" s="40"/>
      <c r="K44" s="40"/>
      <c r="L44" s="40"/>
      <c r="M44" s="40"/>
      <c r="N44" s="40"/>
      <c r="O44" s="40"/>
      <c r="P44" s="40"/>
      <c r="Q44" s="40"/>
      <c r="R44" s="40"/>
      <c r="S44" s="40"/>
      <c r="T44" s="40"/>
      <c r="U44" s="40"/>
      <c r="V44" s="40"/>
    </row>
    <row r="45" spans="1:22">
      <c r="A45" s="52" t="s">
        <v>83</v>
      </c>
      <c r="B45" s="53">
        <v>-4836348.2364844512</v>
      </c>
      <c r="C45" s="53">
        <v>769085.94589809352</v>
      </c>
      <c r="D45" s="53">
        <v>735010.86168809352</v>
      </c>
      <c r="E45" s="53">
        <v>794807.07581289345</v>
      </c>
      <c r="F45" s="53">
        <v>847157.20681289351</v>
      </c>
      <c r="G45" s="53">
        <v>858360.00681289355</v>
      </c>
      <c r="H45" s="53">
        <v>850646.02942769357</v>
      </c>
      <c r="I45" s="53">
        <v>842290.79003769357</v>
      </c>
      <c r="J45" s="53">
        <v>837688.75481289357</v>
      </c>
      <c r="K45" s="53">
        <v>836926.96441289363</v>
      </c>
      <c r="L45" s="53">
        <v>785666.96441289363</v>
      </c>
      <c r="M45" s="53">
        <v>770581.94589809352</v>
      </c>
      <c r="N45" s="53">
        <v>-3623873.9863576917</v>
      </c>
      <c r="O45" s="53">
        <v>1010043.1925423087</v>
      </c>
      <c r="P45" s="53">
        <v>1059114.5811423089</v>
      </c>
      <c r="Q45" s="53">
        <v>-3508405.6188576911</v>
      </c>
      <c r="R45" s="53">
        <v>1070317.3811423089</v>
      </c>
      <c r="S45" s="53">
        <v>1070317.3811423089</v>
      </c>
      <c r="T45" s="53">
        <v>1070317.3811423089</v>
      </c>
      <c r="U45" s="53">
        <v>1070317.3811423089</v>
      </c>
      <c r="V45" s="53">
        <v>1154791.030960094</v>
      </c>
    </row>
    <row r="46" spans="1:22">
      <c r="A46" s="40"/>
      <c r="B46" s="46"/>
      <c r="C46" s="46"/>
      <c r="D46" s="46"/>
      <c r="E46" s="46"/>
      <c r="F46" s="46"/>
      <c r="G46" s="46"/>
      <c r="H46" s="46"/>
      <c r="I46" s="46"/>
      <c r="J46" s="46"/>
      <c r="K46" s="46"/>
      <c r="L46" s="46"/>
      <c r="M46" s="46"/>
      <c r="N46" s="46"/>
      <c r="O46" s="46"/>
      <c r="P46" s="46"/>
      <c r="Q46" s="46"/>
      <c r="R46" s="46"/>
      <c r="S46" s="46"/>
      <c r="T46" s="46"/>
      <c r="U46" s="46"/>
      <c r="V46" s="46"/>
    </row>
    <row r="47" spans="1:22">
      <c r="A47" s="39"/>
      <c r="B47" s="40"/>
      <c r="C47" s="40"/>
      <c r="D47" s="40"/>
      <c r="E47" s="40"/>
      <c r="F47" s="40"/>
      <c r="G47" s="40"/>
      <c r="H47" s="40"/>
      <c r="I47" s="40"/>
      <c r="J47" s="40"/>
      <c r="K47" s="40"/>
      <c r="L47" s="40"/>
      <c r="M47" s="40"/>
      <c r="N47" s="40"/>
      <c r="O47" s="40"/>
      <c r="P47" s="40"/>
      <c r="Q47" s="40"/>
      <c r="R47" s="40"/>
      <c r="S47" s="40"/>
      <c r="T47" s="40"/>
      <c r="U47" s="40"/>
      <c r="V47" s="40"/>
    </row>
    <row r="48" spans="1:22">
      <c r="A48" s="40"/>
      <c r="B48" s="40"/>
      <c r="C48" s="40"/>
      <c r="D48" s="40"/>
      <c r="E48" s="40"/>
      <c r="F48" s="40"/>
      <c r="G48" s="40"/>
      <c r="H48" s="40"/>
      <c r="I48" s="40"/>
      <c r="J48" s="40"/>
      <c r="K48" s="40"/>
      <c r="L48" s="40"/>
      <c r="M48" s="40"/>
      <c r="N48" s="40"/>
      <c r="O48" s="40"/>
      <c r="P48" s="40"/>
      <c r="Q48" s="40"/>
      <c r="R48" s="40"/>
      <c r="S48" s="40"/>
      <c r="T48" s="40"/>
      <c r="U48" s="40"/>
      <c r="V48" s="40"/>
    </row>
    <row r="49" spans="1:22" ht="12" thickBot="1"/>
    <row r="50" spans="1:22" ht="16.5" thickBot="1">
      <c r="A50" s="117" t="s">
        <v>58</v>
      </c>
      <c r="B50" s="118">
        <v>9.8500000000000004E-2</v>
      </c>
      <c r="C50" s="40"/>
      <c r="D50" s="40"/>
      <c r="E50" s="40"/>
      <c r="F50" s="40"/>
      <c r="G50" s="40"/>
      <c r="H50" s="40"/>
      <c r="I50" s="40"/>
      <c r="J50" s="40"/>
      <c r="K50" s="40"/>
      <c r="L50" s="40"/>
      <c r="M50" s="40"/>
      <c r="N50" s="40"/>
      <c r="O50" s="40"/>
      <c r="P50" s="40"/>
      <c r="Q50" s="40"/>
      <c r="R50" s="40"/>
      <c r="S50" s="40"/>
      <c r="T50" s="40"/>
      <c r="U50" s="40"/>
      <c r="V50" s="40"/>
    </row>
    <row r="51" spans="1:22">
      <c r="A51" s="40"/>
      <c r="B51" s="55"/>
      <c r="C51" s="40"/>
      <c r="D51" s="40"/>
      <c r="E51" s="40"/>
      <c r="F51" s="40"/>
      <c r="G51" s="40"/>
      <c r="H51" s="40"/>
      <c r="I51" s="40"/>
      <c r="K51" s="41"/>
      <c r="L51" s="46"/>
      <c r="M51" s="76"/>
      <c r="N51" s="40"/>
      <c r="O51" s="40"/>
      <c r="P51" s="40"/>
      <c r="Q51" s="40"/>
      <c r="R51" s="40"/>
      <c r="S51" s="40"/>
      <c r="T51" s="40"/>
      <c r="U51" s="40"/>
      <c r="V51" s="40"/>
    </row>
    <row r="52" spans="1:22">
      <c r="A52" s="40"/>
      <c r="B52" s="55"/>
      <c r="C52" s="40"/>
      <c r="D52" s="40"/>
      <c r="E52" s="40"/>
      <c r="F52" s="40"/>
      <c r="G52" s="40"/>
      <c r="H52" s="40"/>
      <c r="K52" s="37"/>
      <c r="M52" s="40"/>
      <c r="N52" s="40"/>
      <c r="O52" s="40"/>
      <c r="P52" s="40"/>
      <c r="Q52" s="40"/>
      <c r="R52" s="40"/>
      <c r="S52" s="40"/>
      <c r="T52" s="40"/>
      <c r="U52" s="40"/>
      <c r="V52" s="40"/>
    </row>
    <row r="53" spans="1:22">
      <c r="A53" s="40"/>
      <c r="B53" s="40"/>
      <c r="C53" s="40"/>
      <c r="D53" s="40"/>
      <c r="E53" s="40"/>
      <c r="F53" s="40"/>
      <c r="G53" s="40"/>
      <c r="H53" s="40"/>
      <c r="I53" s="40"/>
      <c r="J53" s="40"/>
      <c r="K53" s="40"/>
      <c r="L53" s="40"/>
      <c r="M53" s="40"/>
      <c r="N53" s="40"/>
      <c r="O53" s="40"/>
      <c r="P53" s="40"/>
      <c r="Q53" s="40"/>
      <c r="R53" s="40"/>
      <c r="S53" s="40"/>
      <c r="T53" s="40"/>
      <c r="U53" s="40"/>
      <c r="V53" s="40"/>
    </row>
    <row r="54" spans="1:22" ht="18">
      <c r="A54" s="116" t="s">
        <v>115</v>
      </c>
      <c r="B54" s="40"/>
      <c r="C54" s="40"/>
      <c r="D54" s="40"/>
      <c r="E54" s="40"/>
      <c r="F54" s="40"/>
      <c r="G54" s="40"/>
      <c r="H54" s="40"/>
      <c r="I54" s="40"/>
      <c r="J54" s="40"/>
      <c r="K54" s="40"/>
      <c r="L54" s="40"/>
      <c r="M54" s="40"/>
      <c r="N54" s="40"/>
      <c r="O54" s="40"/>
      <c r="P54" s="40"/>
      <c r="Q54" s="40"/>
      <c r="R54" s="40"/>
      <c r="S54" s="40"/>
      <c r="T54" s="40"/>
      <c r="U54" s="40"/>
      <c r="V54" s="40"/>
    </row>
    <row r="55" spans="1:22">
      <c r="A55" s="57" t="s">
        <v>84</v>
      </c>
      <c r="B55" s="58"/>
      <c r="C55" s="60">
        <v>406563.14777696971</v>
      </c>
      <c r="D55" s="60">
        <v>431137.38127696968</v>
      </c>
      <c r="E55" s="60">
        <v>444672.77899696969</v>
      </c>
      <c r="F55" s="60">
        <v>446913.33899696969</v>
      </c>
      <c r="G55" s="60">
        <v>446913.33899696969</v>
      </c>
      <c r="H55" s="60">
        <v>424225.17021696968</v>
      </c>
      <c r="I55" s="60">
        <v>399650.93671696971</v>
      </c>
      <c r="J55" s="60">
        <v>386115.5389969697</v>
      </c>
      <c r="K55" s="60">
        <v>383874.9789969697</v>
      </c>
      <c r="L55" s="60">
        <v>394874.9789969697</v>
      </c>
      <c r="M55" s="60">
        <v>410963.14777696971</v>
      </c>
      <c r="N55" s="60">
        <v>1234350.4035133333</v>
      </c>
      <c r="O55" s="60">
        <v>1247885.8012333333</v>
      </c>
      <c r="P55" s="60">
        <v>1250126.3612333334</v>
      </c>
      <c r="Q55" s="60">
        <v>1837164.1623333334</v>
      </c>
      <c r="R55" s="60">
        <v>1821075.9935533332</v>
      </c>
      <c r="S55" s="60">
        <v>1796501.7600533334</v>
      </c>
      <c r="T55" s="60">
        <v>1782966.3623333334</v>
      </c>
      <c r="U55" s="60">
        <v>1780725.8023333333</v>
      </c>
      <c r="V55" s="60">
        <v>1780614.5</v>
      </c>
    </row>
    <row r="56" spans="1:22">
      <c r="A56" s="62" t="s">
        <v>85</v>
      </c>
      <c r="B56" s="63"/>
      <c r="C56" s="65">
        <v>383763.67666363635</v>
      </c>
      <c r="D56" s="65">
        <v>383763.67666363635</v>
      </c>
      <c r="E56" s="65">
        <v>383763.67666363635</v>
      </c>
      <c r="F56" s="65">
        <v>383763.67666363635</v>
      </c>
      <c r="G56" s="65">
        <v>383763.67666363635</v>
      </c>
      <c r="H56" s="65">
        <v>383763.67666363635</v>
      </c>
      <c r="I56" s="65">
        <v>383763.67666363635</v>
      </c>
      <c r="J56" s="65">
        <v>383763.67666363635</v>
      </c>
      <c r="K56" s="65">
        <v>383763.67666363635</v>
      </c>
      <c r="L56" s="65">
        <v>383763.67666363635</v>
      </c>
      <c r="M56" s="65">
        <v>383763.67666363635</v>
      </c>
      <c r="N56" s="65">
        <v>1182576.6989</v>
      </c>
      <c r="O56" s="65">
        <v>1182576.6989</v>
      </c>
      <c r="P56" s="65">
        <v>1182576.6989</v>
      </c>
      <c r="Q56" s="65">
        <v>1780614.5</v>
      </c>
      <c r="R56" s="65">
        <v>1780614.5</v>
      </c>
      <c r="S56" s="65">
        <v>1780614.5</v>
      </c>
      <c r="T56" s="65">
        <v>1780614.5</v>
      </c>
      <c r="U56" s="65">
        <v>1780614.5</v>
      </c>
      <c r="V56" s="65">
        <v>1780614.5</v>
      </c>
    </row>
    <row r="57" spans="1:22">
      <c r="A57" s="67" t="s">
        <v>86</v>
      </c>
      <c r="B57" s="40"/>
      <c r="C57" s="41">
        <v>111.30233333333334</v>
      </c>
      <c r="D57" s="41">
        <v>111.30233333333334</v>
      </c>
      <c r="E57" s="41">
        <v>111.30233333333334</v>
      </c>
      <c r="F57" s="41">
        <v>111.30233333333334</v>
      </c>
      <c r="G57" s="41">
        <v>111.30233333333334</v>
      </c>
      <c r="H57" s="41">
        <v>111.30233333333334</v>
      </c>
      <c r="I57" s="41">
        <v>111.30233333333334</v>
      </c>
      <c r="J57" s="41">
        <v>111.30233333333334</v>
      </c>
      <c r="K57" s="41">
        <v>111.30233333333334</v>
      </c>
      <c r="L57" s="41">
        <v>111.30233333333334</v>
      </c>
      <c r="M57" s="41">
        <v>111.30233333333334</v>
      </c>
      <c r="N57" s="41">
        <v>111.30233333333334</v>
      </c>
      <c r="O57" s="41">
        <v>111.30233333333334</v>
      </c>
      <c r="P57" s="41">
        <v>111.30233333333334</v>
      </c>
      <c r="Q57" s="41">
        <v>111.30233333333334</v>
      </c>
      <c r="R57" s="41">
        <v>111.30233333333334</v>
      </c>
      <c r="S57" s="41">
        <v>111.30233333333334</v>
      </c>
      <c r="T57" s="41">
        <v>111.30233333333334</v>
      </c>
      <c r="U57" s="41">
        <v>111.30233333333334</v>
      </c>
      <c r="V57" s="41">
        <v>0</v>
      </c>
    </row>
    <row r="58" spans="1:22">
      <c r="A58" s="70" t="s">
        <v>87</v>
      </c>
      <c r="B58" s="71"/>
      <c r="C58" s="73">
        <v>22688.16878</v>
      </c>
      <c r="D58" s="73">
        <v>47262.402279999995</v>
      </c>
      <c r="E58" s="73">
        <v>60797.799999999996</v>
      </c>
      <c r="F58" s="73">
        <v>63038.359999999993</v>
      </c>
      <c r="G58" s="73">
        <v>63038.359999999993</v>
      </c>
      <c r="H58" s="73">
        <v>40350.191220000001</v>
      </c>
      <c r="I58" s="73">
        <v>15775.957720000002</v>
      </c>
      <c r="J58" s="73">
        <v>2240.56</v>
      </c>
      <c r="K58" s="73">
        <v>0</v>
      </c>
      <c r="L58" s="73">
        <v>11000</v>
      </c>
      <c r="M58" s="73">
        <v>27088.16878</v>
      </c>
      <c r="N58" s="73">
        <v>51662.402279999995</v>
      </c>
      <c r="O58" s="73">
        <v>65197.8</v>
      </c>
      <c r="P58" s="73">
        <v>67438.36</v>
      </c>
      <c r="Q58" s="73">
        <v>56438.36</v>
      </c>
      <c r="R58" s="73">
        <v>40350.191220000001</v>
      </c>
      <c r="S58" s="73">
        <v>15775.957720000002</v>
      </c>
      <c r="T58" s="73">
        <v>2240.56</v>
      </c>
      <c r="U58" s="73">
        <v>0</v>
      </c>
      <c r="V58" s="74">
        <v>0</v>
      </c>
    </row>
    <row r="96" spans="11:11" ht="12.75">
      <c r="K96" s="119" t="s">
        <v>140</v>
      </c>
    </row>
  </sheetData>
  <pageMargins left="0.24" right="0.26" top="0.5" bottom="0.78740157480314965" header="0.31496062992125984" footer="0.31496062992125984"/>
  <pageSetup paperSize="9" scale="45" orientation="landscape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>
  <dimension ref="A1:J38"/>
  <sheetViews>
    <sheetView view="pageBreakPreview" topLeftCell="A10" zoomScale="90" zoomScaleNormal="100" zoomScaleSheetLayoutView="90" workbookViewId="0">
      <selection activeCell="J30" sqref="J30"/>
    </sheetView>
  </sheetViews>
  <sheetFormatPr defaultRowHeight="12.75"/>
  <sheetData>
    <row r="1" spans="1:10" ht="15.75">
      <c r="A1" s="82"/>
      <c r="B1" s="83"/>
      <c r="C1" s="84"/>
      <c r="D1" s="82"/>
    </row>
    <row r="2" spans="1:10" ht="15.75">
      <c r="A2" s="82"/>
      <c r="B2" s="83"/>
      <c r="C2" s="84"/>
      <c r="D2" s="82"/>
    </row>
    <row r="3" spans="1:10" ht="15">
      <c r="A3" s="82"/>
      <c r="B3" s="82"/>
      <c r="C3" s="84"/>
      <c r="D3" s="82"/>
    </row>
    <row r="4" spans="1:10" ht="15.75">
      <c r="A4" s="82"/>
      <c r="B4" s="85"/>
      <c r="C4" s="85"/>
      <c r="D4" s="82"/>
      <c r="E4" s="100" t="s">
        <v>99</v>
      </c>
      <c r="F4" s="100"/>
    </row>
    <row r="5" spans="1:10" ht="15.75">
      <c r="A5" s="86"/>
      <c r="B5" s="82"/>
      <c r="D5" s="82"/>
      <c r="J5" s="84" t="s">
        <v>100</v>
      </c>
    </row>
    <row r="6" spans="1:10" ht="15.75">
      <c r="A6" s="82"/>
      <c r="B6" s="94" t="s">
        <v>101</v>
      </c>
      <c r="C6" s="121"/>
      <c r="D6" s="82"/>
      <c r="E6" s="121"/>
      <c r="F6" s="121"/>
      <c r="G6" s="121"/>
      <c r="H6" s="121"/>
      <c r="I6" s="121"/>
      <c r="J6" s="84">
        <v>2</v>
      </c>
    </row>
    <row r="7" spans="1:10" ht="15">
      <c r="A7" s="82"/>
      <c r="B7" s="82"/>
      <c r="C7" s="121"/>
      <c r="D7" s="82"/>
      <c r="E7" s="121"/>
      <c r="F7" s="121"/>
      <c r="G7" s="121"/>
      <c r="H7" s="121"/>
      <c r="I7" s="121"/>
      <c r="J7" s="84"/>
    </row>
    <row r="8" spans="1:10" ht="15.75">
      <c r="A8" s="88"/>
      <c r="B8" s="94" t="s">
        <v>56</v>
      </c>
      <c r="C8" s="121"/>
      <c r="D8" s="82"/>
      <c r="E8" s="121"/>
      <c r="F8" s="121"/>
      <c r="G8" s="121"/>
      <c r="H8" s="121"/>
      <c r="I8" s="121"/>
      <c r="J8" s="84">
        <v>5</v>
      </c>
    </row>
    <row r="9" spans="1:10" ht="15">
      <c r="A9" s="82"/>
      <c r="B9" s="88"/>
      <c r="C9" s="121"/>
      <c r="D9" s="82"/>
      <c r="E9" s="121"/>
      <c r="F9" s="121"/>
      <c r="G9" s="121"/>
      <c r="H9" s="121"/>
      <c r="I9" s="121"/>
      <c r="J9" s="84"/>
    </row>
    <row r="10" spans="1:10" ht="15.75" customHeight="1">
      <c r="A10" s="89"/>
      <c r="B10" s="94" t="s">
        <v>88</v>
      </c>
      <c r="C10" s="94"/>
      <c r="D10" s="94"/>
      <c r="E10" s="94"/>
      <c r="F10" s="94"/>
      <c r="G10" s="94"/>
      <c r="H10" s="94"/>
      <c r="I10" s="94"/>
      <c r="J10" s="84">
        <v>6</v>
      </c>
    </row>
    <row r="11" spans="1:10" ht="15" customHeight="1">
      <c r="A11" s="88"/>
      <c r="B11" s="94"/>
      <c r="C11" s="94"/>
      <c r="D11" s="94"/>
      <c r="E11" s="94"/>
      <c r="F11" s="94"/>
      <c r="G11" s="94"/>
      <c r="H11" s="94"/>
      <c r="I11" s="94"/>
      <c r="J11" s="84"/>
    </row>
    <row r="12" spans="1:10" ht="18">
      <c r="A12" s="88"/>
      <c r="B12" s="94" t="s">
        <v>89</v>
      </c>
      <c r="C12" s="93"/>
      <c r="D12" s="93"/>
      <c r="E12" s="93"/>
      <c r="F12" s="93"/>
      <c r="G12" s="93"/>
      <c r="H12" s="93"/>
      <c r="I12" s="93"/>
      <c r="J12" s="90">
        <v>7</v>
      </c>
    </row>
    <row r="13" spans="1:10" ht="15" customHeight="1">
      <c r="A13" s="88"/>
      <c r="B13" s="93"/>
      <c r="C13" s="93"/>
      <c r="D13" s="93"/>
      <c r="E13" s="93"/>
      <c r="F13" s="93"/>
      <c r="G13" s="93"/>
      <c r="H13" s="93"/>
      <c r="I13" s="93"/>
      <c r="J13" s="84"/>
    </row>
    <row r="14" spans="1:10" ht="15" customHeight="1">
      <c r="A14" s="88"/>
      <c r="B14" s="94" t="s">
        <v>90</v>
      </c>
      <c r="C14" s="93"/>
      <c r="D14" s="93"/>
      <c r="E14" s="93"/>
      <c r="F14" s="93"/>
      <c r="G14" s="93"/>
      <c r="H14" s="93"/>
      <c r="I14" s="93"/>
      <c r="J14" s="84">
        <v>8</v>
      </c>
    </row>
    <row r="15" spans="1:10" ht="18">
      <c r="A15" s="88"/>
      <c r="B15" s="93"/>
      <c r="C15" s="93"/>
      <c r="D15" s="93"/>
      <c r="E15" s="93"/>
      <c r="F15" s="93"/>
      <c r="G15" s="93"/>
      <c r="H15" s="93"/>
      <c r="I15" s="93"/>
      <c r="J15" s="84"/>
    </row>
    <row r="16" spans="1:10" ht="18">
      <c r="A16" s="88"/>
      <c r="B16" s="94" t="s">
        <v>91</v>
      </c>
      <c r="C16" s="93"/>
      <c r="D16" s="93"/>
      <c r="E16" s="93"/>
      <c r="F16" s="93"/>
      <c r="G16" s="93"/>
      <c r="H16" s="93"/>
      <c r="I16" s="93"/>
      <c r="J16" s="84">
        <v>9</v>
      </c>
    </row>
    <row r="17" spans="1:10" ht="18">
      <c r="A17" s="88"/>
      <c r="B17" s="93"/>
      <c r="C17" s="93"/>
      <c r="D17" s="93"/>
      <c r="E17" s="93"/>
      <c r="F17" s="93"/>
      <c r="G17" s="93"/>
      <c r="H17" s="93"/>
      <c r="I17" s="93"/>
      <c r="J17" s="84"/>
    </row>
    <row r="18" spans="1:10" ht="18">
      <c r="A18" s="88"/>
      <c r="B18" s="94" t="s">
        <v>92</v>
      </c>
      <c r="C18" s="93"/>
      <c r="D18" s="93"/>
      <c r="E18" s="93"/>
      <c r="F18" s="93"/>
      <c r="G18" s="93"/>
      <c r="H18" s="93"/>
      <c r="I18" s="93"/>
      <c r="J18" s="84">
        <v>10</v>
      </c>
    </row>
    <row r="19" spans="1:10" ht="18">
      <c r="A19" s="88"/>
      <c r="B19" s="94"/>
      <c r="C19" s="93"/>
      <c r="D19" s="93"/>
      <c r="E19" s="93"/>
      <c r="F19" s="93"/>
      <c r="G19" s="93"/>
      <c r="H19" s="93"/>
      <c r="I19" s="93"/>
      <c r="J19" s="84"/>
    </row>
    <row r="20" spans="1:10" ht="18">
      <c r="A20" s="88"/>
      <c r="B20" s="94" t="s">
        <v>118</v>
      </c>
      <c r="C20" s="93"/>
      <c r="D20" s="93"/>
      <c r="E20" s="93"/>
      <c r="F20" s="93"/>
      <c r="G20" s="93"/>
      <c r="H20" s="93"/>
      <c r="I20" s="93"/>
      <c r="J20" s="84">
        <v>11</v>
      </c>
    </row>
    <row r="21" spans="1:10" ht="18">
      <c r="A21" s="88"/>
      <c r="B21" s="94"/>
      <c r="C21" s="93"/>
      <c r="D21" s="93"/>
      <c r="E21" s="93"/>
      <c r="F21" s="93"/>
      <c r="G21" s="93"/>
      <c r="H21" s="93"/>
      <c r="I21" s="93"/>
      <c r="J21" s="84"/>
    </row>
    <row r="22" spans="1:10" ht="18">
      <c r="A22" s="91"/>
      <c r="B22" s="94" t="s">
        <v>93</v>
      </c>
      <c r="C22" s="93"/>
      <c r="D22" s="93"/>
      <c r="E22" s="93"/>
      <c r="F22" s="93"/>
      <c r="G22" s="93"/>
      <c r="H22" s="93"/>
      <c r="I22" s="93"/>
      <c r="J22" s="84">
        <v>12</v>
      </c>
    </row>
    <row r="23" spans="1:10" ht="18">
      <c r="A23" s="88"/>
      <c r="B23" s="94"/>
      <c r="C23" s="93"/>
      <c r="D23" s="93"/>
      <c r="E23" s="93"/>
      <c r="F23" s="93"/>
      <c r="G23" s="93"/>
      <c r="H23" s="93"/>
      <c r="I23" s="93"/>
      <c r="J23" s="84"/>
    </row>
    <row r="24" spans="1:10" ht="18">
      <c r="A24" s="88"/>
      <c r="B24" s="94" t="s">
        <v>94</v>
      </c>
      <c r="C24" s="93"/>
      <c r="D24" s="93"/>
      <c r="E24" s="93"/>
      <c r="F24" s="93"/>
      <c r="G24" s="93"/>
      <c r="H24" s="93"/>
      <c r="I24" s="93"/>
      <c r="J24" s="84">
        <v>13</v>
      </c>
    </row>
    <row r="25" spans="1:10" ht="18">
      <c r="A25" s="88"/>
      <c r="B25" s="94"/>
      <c r="C25" s="93"/>
      <c r="D25" s="93"/>
      <c r="E25" s="93"/>
      <c r="F25" s="93"/>
      <c r="G25" s="93"/>
      <c r="H25" s="93"/>
      <c r="I25" s="93"/>
      <c r="J25" s="84"/>
    </row>
    <row r="26" spans="1:10" ht="18">
      <c r="A26" s="88"/>
      <c r="B26" s="94" t="s">
        <v>95</v>
      </c>
      <c r="C26" s="93"/>
      <c r="D26" s="93"/>
      <c r="E26" s="93"/>
      <c r="F26" s="93"/>
      <c r="G26" s="93"/>
      <c r="H26" s="93"/>
      <c r="I26" s="93"/>
      <c r="J26" s="84">
        <v>14</v>
      </c>
    </row>
    <row r="27" spans="1:10" ht="18">
      <c r="A27" s="82"/>
      <c r="B27" s="94"/>
      <c r="C27" s="93"/>
      <c r="D27" s="93"/>
      <c r="E27" s="93"/>
      <c r="F27" s="93"/>
      <c r="G27" s="93"/>
      <c r="H27" s="93"/>
      <c r="I27" s="93"/>
      <c r="J27" s="84"/>
    </row>
    <row r="28" spans="1:10" ht="15" customHeight="1">
      <c r="A28" s="88"/>
      <c r="B28" s="94" t="s">
        <v>123</v>
      </c>
      <c r="C28" s="93"/>
      <c r="D28" s="93"/>
      <c r="E28" s="93"/>
      <c r="F28" s="93"/>
      <c r="G28" s="93"/>
      <c r="H28" s="93"/>
      <c r="I28" s="93"/>
      <c r="J28" s="84">
        <v>15</v>
      </c>
    </row>
    <row r="29" spans="1:10" ht="15" customHeight="1">
      <c r="A29" s="88"/>
      <c r="B29" s="94"/>
      <c r="C29" s="93"/>
      <c r="D29" s="93"/>
      <c r="E29" s="93"/>
      <c r="F29" s="93"/>
      <c r="G29" s="93"/>
      <c r="H29" s="93"/>
      <c r="I29" s="93"/>
      <c r="J29" s="84"/>
    </row>
    <row r="30" spans="1:10" ht="18">
      <c r="A30" s="88"/>
      <c r="B30" s="94" t="s">
        <v>125</v>
      </c>
      <c r="C30" s="93"/>
      <c r="D30" s="93"/>
      <c r="E30" s="93"/>
      <c r="F30" s="93"/>
      <c r="G30" s="93"/>
      <c r="H30" s="93"/>
      <c r="I30" s="93"/>
      <c r="J30" s="84">
        <v>16</v>
      </c>
    </row>
    <row r="31" spans="1:10" ht="15" customHeight="1">
      <c r="A31" s="88"/>
      <c r="B31" s="93"/>
      <c r="C31" s="93"/>
      <c r="D31" s="93"/>
      <c r="E31" s="93"/>
      <c r="F31" s="93"/>
      <c r="G31" s="93"/>
      <c r="H31" s="93"/>
      <c r="I31" s="93"/>
      <c r="J31" s="99"/>
    </row>
    <row r="32" spans="1:10" ht="18">
      <c r="A32" s="91"/>
      <c r="B32" s="93"/>
      <c r="C32" s="93"/>
      <c r="D32" s="93"/>
      <c r="E32" s="93"/>
      <c r="F32" s="93"/>
      <c r="G32" s="93"/>
      <c r="H32" s="93"/>
      <c r="I32" s="93"/>
      <c r="J32" s="99"/>
    </row>
    <row r="33" spans="1:10" ht="15.75">
      <c r="A33" s="88"/>
      <c r="B33" s="91"/>
      <c r="D33" s="82"/>
      <c r="J33" s="84"/>
    </row>
    <row r="34" spans="1:10" ht="15.75">
      <c r="A34" s="88"/>
      <c r="B34" s="87"/>
      <c r="D34" s="82"/>
      <c r="J34" s="84"/>
    </row>
    <row r="35" spans="1:10" ht="15">
      <c r="A35" s="82"/>
      <c r="B35" s="88"/>
      <c r="D35" s="82"/>
      <c r="J35" s="84"/>
    </row>
    <row r="36" spans="1:10" ht="15">
      <c r="A36" s="88"/>
      <c r="B36" s="88"/>
      <c r="D36" s="82"/>
      <c r="J36" s="84"/>
    </row>
    <row r="37" spans="1:10" ht="15">
      <c r="A37" s="82"/>
      <c r="B37" s="92"/>
      <c r="C37" s="84"/>
      <c r="D37" s="82"/>
    </row>
    <row r="38" spans="1:10" ht="15">
      <c r="A38" s="82"/>
      <c r="B38" s="92"/>
      <c r="C38" s="84"/>
      <c r="D38" s="82"/>
    </row>
  </sheetData>
  <mergeCells count="2">
    <mergeCell ref="J31:J32"/>
    <mergeCell ref="E4:F4"/>
  </mergeCells>
  <pageMargins left="0.511811024" right="0.511811024" top="0.78740157499999996" bottom="0.78740157499999996" header="0.31496062000000002" footer="0.31496062000000002"/>
  <pageSetup paperSize="9"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>
  <sheetPr codeName="Plan37"/>
  <dimension ref="A1:W251"/>
  <sheetViews>
    <sheetView view="pageBreakPreview" topLeftCell="A220" zoomScale="85" zoomScaleNormal="100" zoomScaleSheetLayoutView="85" workbookViewId="0">
      <selection activeCell="K251" sqref="K251"/>
    </sheetView>
  </sheetViews>
  <sheetFormatPr defaultRowHeight="11.25"/>
  <cols>
    <col min="1" max="1" width="19.42578125" style="2" customWidth="1"/>
    <col min="2" max="2" width="12.140625" style="2" customWidth="1"/>
    <col min="3" max="3" width="10.28515625" style="2" customWidth="1"/>
    <col min="4" max="4" width="12.140625" style="2" customWidth="1"/>
    <col min="5" max="9" width="9" style="2" customWidth="1"/>
    <col min="10" max="10" width="9.42578125" style="2" customWidth="1"/>
    <col min="11" max="11" width="9.7109375" style="2" customWidth="1"/>
    <col min="12" max="12" width="10" style="2" customWidth="1"/>
    <col min="13" max="23" width="9" style="2" customWidth="1"/>
    <col min="24" max="16384" width="9.140625" style="2"/>
  </cols>
  <sheetData>
    <row r="1" spans="1:23" ht="18">
      <c r="A1" s="93" t="s">
        <v>101</v>
      </c>
    </row>
    <row r="4" spans="1:23" ht="18">
      <c r="A4" s="93" t="s">
        <v>102</v>
      </c>
    </row>
    <row r="5" spans="1:23" ht="15.75">
      <c r="A5" s="94" t="s">
        <v>103</v>
      </c>
      <c r="B5" s="1"/>
      <c r="C5" s="95">
        <v>0.1</v>
      </c>
    </row>
    <row r="6" spans="1:23">
      <c r="A6" s="5" t="s">
        <v>1</v>
      </c>
      <c r="B6" s="6" t="s">
        <v>2</v>
      </c>
      <c r="C6" s="6" t="s">
        <v>3</v>
      </c>
      <c r="D6" s="6" t="s">
        <v>4</v>
      </c>
      <c r="E6" s="6" t="s">
        <v>5</v>
      </c>
      <c r="F6" s="6" t="s">
        <v>6</v>
      </c>
      <c r="G6" s="6" t="s">
        <v>7</v>
      </c>
      <c r="H6" s="6" t="s">
        <v>8</v>
      </c>
      <c r="I6" s="6" t="s">
        <v>9</v>
      </c>
      <c r="J6" s="6" t="s">
        <v>10</v>
      </c>
      <c r="K6" s="6" t="s">
        <v>11</v>
      </c>
      <c r="L6" s="6" t="s">
        <v>12</v>
      </c>
      <c r="M6" s="6" t="s">
        <v>13</v>
      </c>
      <c r="N6" s="6" t="s">
        <v>14</v>
      </c>
      <c r="O6" s="6" t="s">
        <v>15</v>
      </c>
      <c r="P6" s="6" t="s">
        <v>16</v>
      </c>
      <c r="Q6" s="6" t="s">
        <v>17</v>
      </c>
      <c r="R6" s="6" t="s">
        <v>18</v>
      </c>
      <c r="S6" s="6" t="s">
        <v>19</v>
      </c>
      <c r="T6" s="6" t="s">
        <v>20</v>
      </c>
      <c r="U6" s="6" t="s">
        <v>21</v>
      </c>
      <c r="V6" s="6" t="s">
        <v>22</v>
      </c>
      <c r="W6" s="6" t="s">
        <v>23</v>
      </c>
    </row>
    <row r="7" spans="1:23">
      <c r="A7" s="7" t="s">
        <v>24</v>
      </c>
      <c r="B7" s="8">
        <v>1</v>
      </c>
      <c r="C7" s="9">
        <v>1</v>
      </c>
      <c r="D7" s="9">
        <v>1</v>
      </c>
      <c r="E7" s="9">
        <v>1</v>
      </c>
      <c r="F7" s="9">
        <v>1</v>
      </c>
      <c r="G7" s="9">
        <v>1</v>
      </c>
      <c r="H7" s="9">
        <v>1</v>
      </c>
      <c r="I7" s="9">
        <v>1</v>
      </c>
      <c r="J7" s="9">
        <v>1</v>
      </c>
      <c r="K7" s="9">
        <v>1</v>
      </c>
      <c r="L7" s="9">
        <v>1</v>
      </c>
      <c r="M7" s="9">
        <v>1</v>
      </c>
      <c r="N7" s="9">
        <v>1</v>
      </c>
      <c r="O7" s="9">
        <v>1</v>
      </c>
      <c r="P7" s="9">
        <v>1</v>
      </c>
      <c r="Q7" s="9">
        <v>1</v>
      </c>
      <c r="R7" s="9">
        <v>1</v>
      </c>
      <c r="S7" s="9">
        <v>1</v>
      </c>
      <c r="T7" s="9">
        <v>1</v>
      </c>
      <c r="U7" s="9">
        <v>1</v>
      </c>
      <c r="V7" s="9">
        <v>1</v>
      </c>
      <c r="W7" s="9">
        <v>1</v>
      </c>
    </row>
    <row r="8" spans="1:23">
      <c r="A8" s="10" t="s">
        <v>25</v>
      </c>
      <c r="B8" s="11">
        <v>0.77500000000000002</v>
      </c>
      <c r="C8" s="9">
        <v>1</v>
      </c>
      <c r="D8" s="9">
        <v>1</v>
      </c>
      <c r="E8" s="9">
        <v>1</v>
      </c>
      <c r="F8" s="9">
        <v>1</v>
      </c>
      <c r="G8" s="9">
        <v>1</v>
      </c>
      <c r="H8" s="9">
        <v>1</v>
      </c>
      <c r="I8" s="9">
        <v>1</v>
      </c>
      <c r="J8" s="9">
        <v>1</v>
      </c>
      <c r="K8" s="9">
        <v>1</v>
      </c>
      <c r="L8" s="9">
        <v>1</v>
      </c>
      <c r="M8" s="9">
        <v>1</v>
      </c>
      <c r="N8" s="9">
        <v>1</v>
      </c>
      <c r="O8" s="9">
        <v>1</v>
      </c>
      <c r="P8" s="9">
        <v>1</v>
      </c>
      <c r="Q8" s="9">
        <v>1</v>
      </c>
      <c r="R8" s="9">
        <v>1</v>
      </c>
      <c r="S8" s="9">
        <v>1</v>
      </c>
      <c r="T8" s="9">
        <v>1</v>
      </c>
      <c r="U8" s="9">
        <v>1</v>
      </c>
      <c r="V8" s="9">
        <v>1</v>
      </c>
      <c r="W8" s="9">
        <v>1</v>
      </c>
    </row>
    <row r="9" spans="1:23">
      <c r="A9" s="10" t="s">
        <v>26</v>
      </c>
      <c r="B9" s="11">
        <v>0.58209999999999995</v>
      </c>
      <c r="C9" s="9">
        <v>1</v>
      </c>
      <c r="D9" s="9">
        <v>1</v>
      </c>
      <c r="E9" s="9">
        <v>1</v>
      </c>
      <c r="F9" s="9">
        <v>1</v>
      </c>
      <c r="G9" s="9">
        <v>1</v>
      </c>
      <c r="H9" s="9">
        <v>1</v>
      </c>
      <c r="I9" s="9">
        <v>1</v>
      </c>
      <c r="J9" s="9">
        <v>1</v>
      </c>
      <c r="K9" s="9">
        <v>1</v>
      </c>
      <c r="L9" s="9">
        <v>1</v>
      </c>
      <c r="M9" s="9">
        <v>1</v>
      </c>
      <c r="N9" s="9">
        <v>1</v>
      </c>
      <c r="O9" s="9">
        <v>1</v>
      </c>
      <c r="P9" s="9">
        <v>1</v>
      </c>
      <c r="Q9" s="9">
        <v>1</v>
      </c>
      <c r="R9" s="9">
        <v>1</v>
      </c>
      <c r="S9" s="9">
        <v>1</v>
      </c>
      <c r="T9" s="9">
        <v>1</v>
      </c>
      <c r="U9" s="9">
        <v>1</v>
      </c>
      <c r="V9" s="9">
        <v>1</v>
      </c>
      <c r="W9" s="9">
        <v>1</v>
      </c>
    </row>
    <row r="10" spans="1:23">
      <c r="A10" s="12" t="s">
        <v>27</v>
      </c>
      <c r="B10" s="11">
        <v>0.4214</v>
      </c>
      <c r="C10" s="9">
        <v>1</v>
      </c>
      <c r="D10" s="9">
        <v>1</v>
      </c>
      <c r="E10" s="9">
        <v>1</v>
      </c>
      <c r="F10" s="9">
        <v>1</v>
      </c>
      <c r="G10" s="9">
        <v>1</v>
      </c>
      <c r="H10" s="9">
        <v>1</v>
      </c>
      <c r="I10" s="9">
        <v>1</v>
      </c>
      <c r="J10" s="9">
        <v>1</v>
      </c>
      <c r="K10" s="9">
        <v>1</v>
      </c>
      <c r="L10" s="9">
        <v>1</v>
      </c>
      <c r="M10" s="9">
        <v>1</v>
      </c>
      <c r="N10" s="9">
        <v>1</v>
      </c>
      <c r="O10" s="9">
        <v>1</v>
      </c>
      <c r="P10" s="9">
        <v>1</v>
      </c>
      <c r="Q10" s="9">
        <v>1</v>
      </c>
      <c r="R10" s="9">
        <v>1</v>
      </c>
      <c r="S10" s="9">
        <v>1</v>
      </c>
      <c r="T10" s="9">
        <v>1</v>
      </c>
      <c r="U10" s="9">
        <v>1</v>
      </c>
      <c r="V10" s="9">
        <v>1</v>
      </c>
      <c r="W10" s="9">
        <v>1</v>
      </c>
    </row>
    <row r="11" spans="1:23">
      <c r="A11" s="10" t="s">
        <v>28</v>
      </c>
      <c r="B11" s="11">
        <v>0.2928</v>
      </c>
      <c r="C11" s="9">
        <v>1</v>
      </c>
      <c r="D11" s="9">
        <v>1</v>
      </c>
      <c r="E11" s="9">
        <v>1</v>
      </c>
      <c r="F11" s="9">
        <v>1</v>
      </c>
      <c r="G11" s="9">
        <v>1</v>
      </c>
      <c r="H11" s="9">
        <v>1</v>
      </c>
      <c r="I11" s="9">
        <v>1</v>
      </c>
      <c r="J11" s="9">
        <v>1</v>
      </c>
      <c r="K11" s="9">
        <v>1</v>
      </c>
      <c r="L11" s="9">
        <v>1</v>
      </c>
      <c r="M11" s="9">
        <v>1</v>
      </c>
      <c r="N11" s="9">
        <v>1</v>
      </c>
      <c r="O11" s="9">
        <v>1</v>
      </c>
      <c r="P11" s="9">
        <v>1</v>
      </c>
      <c r="Q11" s="9">
        <v>1</v>
      </c>
      <c r="R11" s="9">
        <v>1</v>
      </c>
      <c r="S11" s="9">
        <v>1</v>
      </c>
      <c r="T11" s="9">
        <v>1</v>
      </c>
      <c r="U11" s="9">
        <v>1</v>
      </c>
      <c r="V11" s="9">
        <v>1</v>
      </c>
      <c r="W11" s="9">
        <v>1</v>
      </c>
    </row>
    <row r="12" spans="1:23">
      <c r="A12" s="10" t="s">
        <v>29</v>
      </c>
      <c r="B12" s="11">
        <v>0.19639999999999999</v>
      </c>
      <c r="C12" s="9">
        <v>1</v>
      </c>
      <c r="D12" s="9">
        <v>1</v>
      </c>
      <c r="E12" s="9">
        <v>1</v>
      </c>
      <c r="F12" s="9">
        <v>1</v>
      </c>
      <c r="G12" s="9">
        <v>1</v>
      </c>
      <c r="H12" s="9">
        <v>1</v>
      </c>
      <c r="I12" s="9">
        <v>1</v>
      </c>
      <c r="J12" s="9">
        <v>1</v>
      </c>
      <c r="K12" s="9">
        <v>1</v>
      </c>
      <c r="L12" s="9">
        <v>1</v>
      </c>
      <c r="M12" s="9">
        <v>1</v>
      </c>
      <c r="N12" s="9">
        <v>1</v>
      </c>
      <c r="O12" s="9">
        <v>1</v>
      </c>
      <c r="P12" s="9">
        <v>1</v>
      </c>
      <c r="Q12" s="9">
        <v>1</v>
      </c>
      <c r="R12" s="9">
        <v>1</v>
      </c>
      <c r="S12" s="9">
        <v>1</v>
      </c>
      <c r="T12" s="9">
        <v>1</v>
      </c>
      <c r="U12" s="9">
        <v>1</v>
      </c>
      <c r="V12" s="9">
        <v>1</v>
      </c>
      <c r="W12" s="9">
        <v>1</v>
      </c>
    </row>
    <row r="13" spans="1:23">
      <c r="A13" s="10" t="s">
        <v>30</v>
      </c>
      <c r="B13" s="11">
        <v>0.1321</v>
      </c>
      <c r="C13" s="9">
        <v>1</v>
      </c>
      <c r="D13" s="9">
        <v>1</v>
      </c>
      <c r="E13" s="9">
        <v>1</v>
      </c>
      <c r="F13" s="9">
        <v>1</v>
      </c>
      <c r="G13" s="9">
        <v>1</v>
      </c>
      <c r="H13" s="9">
        <v>1</v>
      </c>
      <c r="I13" s="9">
        <v>1</v>
      </c>
      <c r="J13" s="9">
        <v>1</v>
      </c>
      <c r="K13" s="9">
        <v>1</v>
      </c>
      <c r="L13" s="9">
        <v>1</v>
      </c>
      <c r="M13" s="9">
        <v>1</v>
      </c>
      <c r="N13" s="9">
        <v>1</v>
      </c>
      <c r="O13" s="9">
        <v>1</v>
      </c>
      <c r="P13" s="9">
        <v>1</v>
      </c>
      <c r="Q13" s="9">
        <v>1</v>
      </c>
      <c r="R13" s="9">
        <v>1</v>
      </c>
      <c r="S13" s="9">
        <v>1</v>
      </c>
      <c r="T13" s="9">
        <v>1</v>
      </c>
      <c r="U13" s="9">
        <v>1</v>
      </c>
      <c r="V13" s="9">
        <v>1</v>
      </c>
      <c r="W13" s="9">
        <v>1</v>
      </c>
    </row>
    <row r="14" spans="1:23">
      <c r="A14" s="10" t="s">
        <v>31</v>
      </c>
      <c r="B14" s="11">
        <v>0.1</v>
      </c>
      <c r="C14" s="9">
        <v>0</v>
      </c>
      <c r="D14" s="9">
        <v>0</v>
      </c>
      <c r="E14" s="9">
        <v>0</v>
      </c>
      <c r="F14" s="9">
        <v>0</v>
      </c>
      <c r="G14" s="9">
        <v>0</v>
      </c>
      <c r="H14" s="9">
        <v>0</v>
      </c>
      <c r="I14" s="9">
        <v>0</v>
      </c>
      <c r="J14" s="9">
        <v>0</v>
      </c>
      <c r="K14" s="9">
        <v>0</v>
      </c>
      <c r="L14" s="9">
        <v>0</v>
      </c>
      <c r="M14" s="9">
        <v>0</v>
      </c>
      <c r="N14" s="9">
        <v>0</v>
      </c>
      <c r="O14" s="9">
        <v>0</v>
      </c>
      <c r="P14" s="9">
        <v>0</v>
      </c>
      <c r="Q14" s="9">
        <v>0</v>
      </c>
      <c r="R14" s="9">
        <v>0</v>
      </c>
      <c r="S14" s="9">
        <v>0</v>
      </c>
      <c r="T14" s="9">
        <v>0</v>
      </c>
      <c r="U14" s="9">
        <v>0</v>
      </c>
      <c r="V14" s="9">
        <v>0</v>
      </c>
      <c r="W14" s="9">
        <v>0</v>
      </c>
    </row>
    <row r="15" spans="1:23">
      <c r="A15" s="10" t="s">
        <v>32</v>
      </c>
      <c r="B15" s="11">
        <v>0.1</v>
      </c>
      <c r="C15" s="9">
        <v>0</v>
      </c>
      <c r="D15" s="9">
        <v>0</v>
      </c>
      <c r="E15" s="9">
        <v>0</v>
      </c>
      <c r="F15" s="9">
        <v>0</v>
      </c>
      <c r="G15" s="9">
        <v>0</v>
      </c>
      <c r="H15" s="9">
        <v>0</v>
      </c>
      <c r="I15" s="9">
        <v>0</v>
      </c>
      <c r="J15" s="9">
        <v>0</v>
      </c>
      <c r="K15" s="9">
        <v>0</v>
      </c>
      <c r="L15" s="9">
        <v>0</v>
      </c>
      <c r="M15" s="9">
        <v>0</v>
      </c>
      <c r="N15" s="9">
        <v>0</v>
      </c>
      <c r="O15" s="9">
        <v>0</v>
      </c>
      <c r="P15" s="9">
        <v>0</v>
      </c>
      <c r="Q15" s="9">
        <v>0</v>
      </c>
      <c r="R15" s="9">
        <v>0</v>
      </c>
      <c r="S15" s="9">
        <v>0</v>
      </c>
      <c r="T15" s="9">
        <v>0</v>
      </c>
      <c r="U15" s="9">
        <v>0</v>
      </c>
      <c r="V15" s="9">
        <v>0</v>
      </c>
      <c r="W15" s="9">
        <v>0</v>
      </c>
    </row>
    <row r="16" spans="1:23">
      <c r="A16" s="10" t="s">
        <v>33</v>
      </c>
      <c r="B16" s="11">
        <v>0.1</v>
      </c>
      <c r="C16" s="9">
        <v>0</v>
      </c>
      <c r="D16" s="9">
        <v>0</v>
      </c>
      <c r="E16" s="9">
        <v>0</v>
      </c>
      <c r="F16" s="9">
        <v>0</v>
      </c>
      <c r="G16" s="9">
        <v>0</v>
      </c>
      <c r="H16" s="9">
        <v>0</v>
      </c>
      <c r="I16" s="9">
        <v>0</v>
      </c>
      <c r="J16" s="9">
        <v>0</v>
      </c>
      <c r="K16" s="9">
        <v>0</v>
      </c>
      <c r="L16" s="9">
        <v>0</v>
      </c>
      <c r="M16" s="9">
        <v>0</v>
      </c>
      <c r="N16" s="9">
        <v>0</v>
      </c>
      <c r="O16" s="9">
        <v>0</v>
      </c>
      <c r="P16" s="9">
        <v>0</v>
      </c>
      <c r="Q16" s="9">
        <v>0</v>
      </c>
      <c r="R16" s="9">
        <v>0</v>
      </c>
      <c r="S16" s="9">
        <v>0</v>
      </c>
      <c r="T16" s="9">
        <v>0</v>
      </c>
      <c r="U16" s="9">
        <v>0</v>
      </c>
      <c r="V16" s="9">
        <v>0</v>
      </c>
      <c r="W16" s="9">
        <v>0</v>
      </c>
    </row>
    <row r="17" spans="1:23">
      <c r="A17" s="13" t="s">
        <v>34</v>
      </c>
      <c r="B17" s="13"/>
      <c r="C17" s="14">
        <v>0</v>
      </c>
      <c r="D17" s="14">
        <v>0</v>
      </c>
      <c r="E17" s="14">
        <v>0</v>
      </c>
      <c r="F17" s="14">
        <v>0</v>
      </c>
      <c r="G17" s="14">
        <v>0</v>
      </c>
      <c r="H17" s="14">
        <v>0</v>
      </c>
      <c r="I17" s="14">
        <v>0</v>
      </c>
      <c r="J17" s="14">
        <v>0</v>
      </c>
      <c r="K17" s="14">
        <v>0</v>
      </c>
      <c r="L17" s="14">
        <v>0</v>
      </c>
      <c r="M17" s="14">
        <v>0</v>
      </c>
      <c r="N17" s="14">
        <v>0</v>
      </c>
      <c r="O17" s="14">
        <v>0</v>
      </c>
      <c r="P17" s="14">
        <v>0</v>
      </c>
      <c r="Q17" s="14">
        <v>0</v>
      </c>
      <c r="R17" s="14">
        <v>0</v>
      </c>
      <c r="S17" s="14">
        <v>0</v>
      </c>
      <c r="T17" s="14">
        <v>0</v>
      </c>
      <c r="U17" s="14">
        <v>0</v>
      </c>
      <c r="V17" s="14">
        <v>0</v>
      </c>
      <c r="W17" s="14">
        <v>0</v>
      </c>
    </row>
    <row r="18" spans="1:23">
      <c r="A18" s="15" t="s">
        <v>35</v>
      </c>
      <c r="B18" s="15"/>
      <c r="C18" s="16">
        <v>7</v>
      </c>
      <c r="D18" s="16">
        <v>7</v>
      </c>
      <c r="E18" s="16">
        <v>7</v>
      </c>
      <c r="F18" s="16">
        <v>7</v>
      </c>
      <c r="G18" s="16">
        <v>7</v>
      </c>
      <c r="H18" s="16">
        <v>7</v>
      </c>
      <c r="I18" s="16">
        <v>7</v>
      </c>
      <c r="J18" s="16">
        <v>7</v>
      </c>
      <c r="K18" s="16">
        <v>7</v>
      </c>
      <c r="L18" s="16">
        <v>7</v>
      </c>
      <c r="M18" s="16">
        <v>7</v>
      </c>
      <c r="N18" s="16">
        <v>7</v>
      </c>
      <c r="O18" s="16">
        <v>7</v>
      </c>
      <c r="P18" s="16">
        <v>7</v>
      </c>
      <c r="Q18" s="16">
        <v>7</v>
      </c>
      <c r="R18" s="16">
        <v>7</v>
      </c>
      <c r="S18" s="16">
        <v>7</v>
      </c>
      <c r="T18" s="16">
        <v>7</v>
      </c>
      <c r="U18" s="16">
        <v>7</v>
      </c>
      <c r="V18" s="16">
        <v>7</v>
      </c>
      <c r="W18" s="16">
        <v>7</v>
      </c>
    </row>
    <row r="20" spans="1:23" ht="18">
      <c r="A20" s="93" t="s">
        <v>104</v>
      </c>
    </row>
    <row r="21" spans="1:23" ht="15.75">
      <c r="A21" s="94" t="s">
        <v>103</v>
      </c>
      <c r="B21" s="1"/>
      <c r="C21" s="95">
        <v>0.05</v>
      </c>
    </row>
    <row r="22" spans="1:23">
      <c r="A22" s="5" t="s">
        <v>1</v>
      </c>
      <c r="B22" s="6"/>
      <c r="C22" s="6" t="s">
        <v>3</v>
      </c>
      <c r="D22" s="6" t="s">
        <v>4</v>
      </c>
      <c r="E22" s="6" t="s">
        <v>5</v>
      </c>
      <c r="F22" s="6" t="s">
        <v>6</v>
      </c>
      <c r="G22" s="6" t="s">
        <v>7</v>
      </c>
      <c r="H22" s="6" t="s">
        <v>8</v>
      </c>
      <c r="I22" s="6" t="s">
        <v>9</v>
      </c>
      <c r="J22" s="6" t="s">
        <v>10</v>
      </c>
      <c r="K22" s="6" t="s">
        <v>11</v>
      </c>
      <c r="L22" s="6" t="s">
        <v>12</v>
      </c>
      <c r="M22" s="6" t="s">
        <v>13</v>
      </c>
      <c r="N22" s="6" t="s">
        <v>14</v>
      </c>
      <c r="O22" s="6" t="s">
        <v>15</v>
      </c>
      <c r="P22" s="6" t="s">
        <v>16</v>
      </c>
      <c r="Q22" s="6" t="s">
        <v>17</v>
      </c>
      <c r="R22" s="6" t="s">
        <v>18</v>
      </c>
      <c r="S22" s="6" t="s">
        <v>19</v>
      </c>
      <c r="T22" s="6" t="s">
        <v>20</v>
      </c>
      <c r="U22" s="6" t="s">
        <v>21</v>
      </c>
      <c r="V22" s="6" t="s">
        <v>22</v>
      </c>
      <c r="W22" s="6" t="s">
        <v>23</v>
      </c>
    </row>
    <row r="23" spans="1:23">
      <c r="A23" s="7" t="s">
        <v>24</v>
      </c>
      <c r="B23" s="8">
        <v>1</v>
      </c>
      <c r="C23" s="9">
        <v>1</v>
      </c>
      <c r="D23" s="9">
        <v>1</v>
      </c>
      <c r="E23" s="9">
        <v>1</v>
      </c>
      <c r="F23" s="9">
        <v>1</v>
      </c>
      <c r="G23" s="9">
        <v>1</v>
      </c>
      <c r="H23" s="9">
        <v>1</v>
      </c>
      <c r="I23" s="9">
        <v>1</v>
      </c>
      <c r="J23" s="9">
        <v>1</v>
      </c>
      <c r="K23" s="9">
        <v>1</v>
      </c>
      <c r="L23" s="9">
        <v>1</v>
      </c>
      <c r="M23" s="9">
        <v>1</v>
      </c>
      <c r="N23" s="9">
        <v>1</v>
      </c>
      <c r="O23" s="9">
        <v>1</v>
      </c>
      <c r="P23" s="9">
        <v>1</v>
      </c>
      <c r="Q23" s="9">
        <v>1</v>
      </c>
      <c r="R23" s="9">
        <v>1</v>
      </c>
      <c r="S23" s="9">
        <v>1</v>
      </c>
      <c r="T23" s="9">
        <v>1</v>
      </c>
      <c r="U23" s="9">
        <v>1</v>
      </c>
      <c r="V23" s="9">
        <v>1</v>
      </c>
      <c r="W23" s="9">
        <v>1</v>
      </c>
    </row>
    <row r="24" spans="1:23">
      <c r="A24" s="10" t="s">
        <v>25</v>
      </c>
      <c r="B24" s="11">
        <v>0.82730000000000004</v>
      </c>
      <c r="C24" s="9">
        <v>1</v>
      </c>
      <c r="D24" s="9">
        <v>1</v>
      </c>
      <c r="E24" s="9">
        <v>1</v>
      </c>
      <c r="F24" s="9">
        <v>1</v>
      </c>
      <c r="G24" s="9">
        <v>1</v>
      </c>
      <c r="H24" s="9">
        <v>1</v>
      </c>
      <c r="I24" s="9">
        <v>1</v>
      </c>
      <c r="J24" s="9">
        <v>1</v>
      </c>
      <c r="K24" s="9">
        <v>1</v>
      </c>
      <c r="L24" s="9">
        <v>1</v>
      </c>
      <c r="M24" s="9">
        <v>1</v>
      </c>
      <c r="N24" s="9">
        <v>1</v>
      </c>
      <c r="O24" s="9">
        <v>1</v>
      </c>
      <c r="P24" s="9">
        <v>1</v>
      </c>
      <c r="Q24" s="9">
        <v>1</v>
      </c>
      <c r="R24" s="9">
        <v>1</v>
      </c>
      <c r="S24" s="9">
        <v>1</v>
      </c>
      <c r="T24" s="9">
        <v>1</v>
      </c>
      <c r="U24" s="9">
        <v>1</v>
      </c>
      <c r="V24" s="9">
        <v>1</v>
      </c>
      <c r="W24" s="9">
        <v>1</v>
      </c>
    </row>
    <row r="25" spans="1:23">
      <c r="A25" s="10" t="s">
        <v>26</v>
      </c>
      <c r="B25" s="11">
        <v>0.67179999999999995</v>
      </c>
      <c r="C25" s="9">
        <v>1</v>
      </c>
      <c r="D25" s="9">
        <v>1</v>
      </c>
      <c r="E25" s="9">
        <v>1</v>
      </c>
      <c r="F25" s="9">
        <v>1</v>
      </c>
      <c r="G25" s="9">
        <v>1</v>
      </c>
      <c r="H25" s="9">
        <v>1</v>
      </c>
      <c r="I25" s="9">
        <v>1</v>
      </c>
      <c r="J25" s="9">
        <v>1</v>
      </c>
      <c r="K25" s="9">
        <v>1</v>
      </c>
      <c r="L25" s="9">
        <v>1</v>
      </c>
      <c r="M25" s="9">
        <v>1</v>
      </c>
      <c r="N25" s="9">
        <v>1</v>
      </c>
      <c r="O25" s="9">
        <v>1</v>
      </c>
      <c r="P25" s="9">
        <v>1</v>
      </c>
      <c r="Q25" s="9">
        <v>1</v>
      </c>
      <c r="R25" s="9">
        <v>1</v>
      </c>
      <c r="S25" s="9">
        <v>1</v>
      </c>
      <c r="T25" s="9">
        <v>1</v>
      </c>
      <c r="U25" s="9">
        <v>1</v>
      </c>
      <c r="V25" s="9">
        <v>1</v>
      </c>
      <c r="W25" s="9">
        <v>1</v>
      </c>
    </row>
    <row r="26" spans="1:23">
      <c r="A26" s="12" t="s">
        <v>27</v>
      </c>
      <c r="B26" s="11">
        <v>0.53359999999999996</v>
      </c>
      <c r="C26" s="9">
        <v>1</v>
      </c>
      <c r="D26" s="9">
        <v>1</v>
      </c>
      <c r="E26" s="9">
        <v>1</v>
      </c>
      <c r="F26" s="9">
        <v>1</v>
      </c>
      <c r="G26" s="9">
        <v>1</v>
      </c>
      <c r="H26" s="9">
        <v>1</v>
      </c>
      <c r="I26" s="9">
        <v>1</v>
      </c>
      <c r="J26" s="9">
        <v>1</v>
      </c>
      <c r="K26" s="9">
        <v>1</v>
      </c>
      <c r="L26" s="9">
        <v>1</v>
      </c>
      <c r="M26" s="9">
        <v>1</v>
      </c>
      <c r="N26" s="9">
        <v>1</v>
      </c>
      <c r="O26" s="9">
        <v>1</v>
      </c>
      <c r="P26" s="9">
        <v>1</v>
      </c>
      <c r="Q26" s="9">
        <v>1</v>
      </c>
      <c r="R26" s="9">
        <v>1</v>
      </c>
      <c r="S26" s="9">
        <v>1</v>
      </c>
      <c r="T26" s="9">
        <v>1</v>
      </c>
      <c r="U26" s="9">
        <v>1</v>
      </c>
      <c r="V26" s="9">
        <v>1</v>
      </c>
      <c r="W26" s="9">
        <v>1</v>
      </c>
    </row>
    <row r="27" spans="1:23">
      <c r="A27" s="10" t="s">
        <v>28</v>
      </c>
      <c r="B27" s="11">
        <v>0.41270000000000001</v>
      </c>
      <c r="C27" s="9">
        <v>1</v>
      </c>
      <c r="D27" s="9">
        <v>1</v>
      </c>
      <c r="E27" s="9">
        <v>1</v>
      </c>
      <c r="F27" s="9">
        <v>1</v>
      </c>
      <c r="G27" s="9">
        <v>1</v>
      </c>
      <c r="H27" s="9">
        <v>1</v>
      </c>
      <c r="I27" s="9">
        <v>1</v>
      </c>
      <c r="J27" s="9">
        <v>1</v>
      </c>
      <c r="K27" s="9">
        <v>1</v>
      </c>
      <c r="L27" s="9">
        <v>1</v>
      </c>
      <c r="M27" s="9">
        <v>1</v>
      </c>
      <c r="N27" s="9">
        <v>1</v>
      </c>
      <c r="O27" s="9">
        <v>1</v>
      </c>
      <c r="P27" s="9">
        <v>1</v>
      </c>
      <c r="Q27" s="9">
        <v>1</v>
      </c>
      <c r="R27" s="9">
        <v>1</v>
      </c>
      <c r="S27" s="9">
        <v>1</v>
      </c>
      <c r="T27" s="9">
        <v>1</v>
      </c>
      <c r="U27" s="9">
        <v>1</v>
      </c>
      <c r="V27" s="9">
        <v>1</v>
      </c>
      <c r="W27" s="9">
        <v>1</v>
      </c>
    </row>
    <row r="28" spans="1:23">
      <c r="A28" s="10" t="s">
        <v>29</v>
      </c>
      <c r="B28" s="11">
        <v>0.30909999999999999</v>
      </c>
      <c r="C28" s="9">
        <v>1</v>
      </c>
      <c r="D28" s="9">
        <v>1</v>
      </c>
      <c r="E28" s="9">
        <v>1</v>
      </c>
      <c r="F28" s="9">
        <v>1</v>
      </c>
      <c r="G28" s="9">
        <v>1</v>
      </c>
      <c r="H28" s="9">
        <v>1</v>
      </c>
      <c r="I28" s="9">
        <v>1</v>
      </c>
      <c r="J28" s="9">
        <v>1</v>
      </c>
      <c r="K28" s="9">
        <v>1</v>
      </c>
      <c r="L28" s="9">
        <v>1</v>
      </c>
      <c r="M28" s="9">
        <v>1</v>
      </c>
      <c r="N28" s="9">
        <v>1</v>
      </c>
      <c r="O28" s="9">
        <v>1</v>
      </c>
      <c r="P28" s="9">
        <v>1</v>
      </c>
      <c r="Q28" s="9">
        <v>1</v>
      </c>
      <c r="R28" s="9">
        <v>1</v>
      </c>
      <c r="S28" s="9">
        <v>1</v>
      </c>
      <c r="T28" s="9">
        <v>1</v>
      </c>
      <c r="U28" s="9">
        <v>1</v>
      </c>
      <c r="V28" s="9">
        <v>1</v>
      </c>
      <c r="W28" s="9">
        <v>1</v>
      </c>
    </row>
    <row r="29" spans="1:23">
      <c r="A29" s="10" t="s">
        <v>30</v>
      </c>
      <c r="B29" s="11">
        <v>0.22270000000000001</v>
      </c>
      <c r="C29" s="9">
        <v>1</v>
      </c>
      <c r="D29" s="9">
        <v>1</v>
      </c>
      <c r="E29" s="9">
        <v>1</v>
      </c>
      <c r="F29" s="9">
        <v>1</v>
      </c>
      <c r="G29" s="9">
        <v>1</v>
      </c>
      <c r="H29" s="9">
        <v>1</v>
      </c>
      <c r="I29" s="9">
        <v>1</v>
      </c>
      <c r="J29" s="9">
        <v>1</v>
      </c>
      <c r="K29" s="9">
        <v>1</v>
      </c>
      <c r="L29" s="9">
        <v>1</v>
      </c>
      <c r="M29" s="9">
        <v>1</v>
      </c>
      <c r="N29" s="9">
        <v>1</v>
      </c>
      <c r="O29" s="9">
        <v>1</v>
      </c>
      <c r="P29" s="9">
        <v>1</v>
      </c>
      <c r="Q29" s="9">
        <v>1</v>
      </c>
      <c r="R29" s="9">
        <v>1</v>
      </c>
      <c r="S29" s="9">
        <v>1</v>
      </c>
      <c r="T29" s="9">
        <v>1</v>
      </c>
      <c r="U29" s="9">
        <v>1</v>
      </c>
      <c r="V29" s="9">
        <v>1</v>
      </c>
      <c r="W29" s="9">
        <v>1</v>
      </c>
    </row>
    <row r="30" spans="1:23">
      <c r="A30" s="10" t="s">
        <v>31</v>
      </c>
      <c r="B30" s="11">
        <v>0.15359999999999999</v>
      </c>
      <c r="C30" s="9">
        <v>1</v>
      </c>
      <c r="D30" s="9">
        <v>1</v>
      </c>
      <c r="E30" s="9">
        <v>1</v>
      </c>
      <c r="F30" s="9">
        <v>1</v>
      </c>
      <c r="G30" s="9">
        <v>1</v>
      </c>
      <c r="H30" s="9">
        <v>1</v>
      </c>
      <c r="I30" s="9">
        <v>1</v>
      </c>
      <c r="J30" s="9">
        <v>1</v>
      </c>
      <c r="K30" s="9">
        <v>1</v>
      </c>
      <c r="L30" s="9">
        <v>1</v>
      </c>
      <c r="M30" s="9">
        <v>1</v>
      </c>
      <c r="N30" s="9">
        <v>1</v>
      </c>
      <c r="O30" s="9">
        <v>1</v>
      </c>
      <c r="P30" s="9">
        <v>1</v>
      </c>
      <c r="Q30" s="9">
        <v>1</v>
      </c>
      <c r="R30" s="9">
        <v>1</v>
      </c>
      <c r="S30" s="9">
        <v>1</v>
      </c>
      <c r="T30" s="9">
        <v>1</v>
      </c>
      <c r="U30" s="9">
        <v>1</v>
      </c>
      <c r="V30" s="9">
        <v>1</v>
      </c>
      <c r="W30" s="9">
        <v>1</v>
      </c>
    </row>
    <row r="31" spans="1:23">
      <c r="A31" s="10" t="s">
        <v>32</v>
      </c>
      <c r="B31" s="11">
        <v>0.1018</v>
      </c>
      <c r="C31" s="9">
        <v>1</v>
      </c>
      <c r="D31" s="9">
        <v>1</v>
      </c>
      <c r="E31" s="9">
        <v>1</v>
      </c>
      <c r="F31" s="9">
        <v>1</v>
      </c>
      <c r="G31" s="9">
        <v>1</v>
      </c>
      <c r="H31" s="9">
        <v>1</v>
      </c>
      <c r="I31" s="9">
        <v>1</v>
      </c>
      <c r="J31" s="9">
        <v>1</v>
      </c>
      <c r="K31" s="9">
        <v>1</v>
      </c>
      <c r="L31" s="9">
        <v>1</v>
      </c>
      <c r="M31" s="9">
        <v>1</v>
      </c>
      <c r="N31" s="9">
        <v>1</v>
      </c>
      <c r="O31" s="9">
        <v>1</v>
      </c>
      <c r="P31" s="9">
        <v>1</v>
      </c>
      <c r="Q31" s="9">
        <v>1</v>
      </c>
      <c r="R31" s="9">
        <v>1</v>
      </c>
      <c r="S31" s="9">
        <v>1</v>
      </c>
      <c r="T31" s="9">
        <v>1</v>
      </c>
      <c r="U31" s="9">
        <v>1</v>
      </c>
      <c r="V31" s="9">
        <v>1</v>
      </c>
      <c r="W31" s="9">
        <v>1</v>
      </c>
    </row>
    <row r="32" spans="1:23">
      <c r="A32" s="10" t="s">
        <v>33</v>
      </c>
      <c r="B32" s="11">
        <v>6.7299999999999999E-2</v>
      </c>
      <c r="C32" s="9">
        <v>1</v>
      </c>
      <c r="D32" s="9">
        <v>1</v>
      </c>
      <c r="E32" s="9">
        <v>1</v>
      </c>
      <c r="F32" s="9">
        <v>1</v>
      </c>
      <c r="G32" s="9">
        <v>1</v>
      </c>
      <c r="H32" s="9">
        <v>1</v>
      </c>
      <c r="I32" s="9">
        <v>1</v>
      </c>
      <c r="J32" s="9">
        <v>1</v>
      </c>
      <c r="K32" s="9">
        <v>1</v>
      </c>
      <c r="L32" s="9">
        <v>1</v>
      </c>
      <c r="M32" s="9">
        <v>1</v>
      </c>
      <c r="N32" s="9">
        <v>1</v>
      </c>
      <c r="O32" s="9">
        <v>1</v>
      </c>
      <c r="P32" s="9">
        <v>1</v>
      </c>
      <c r="Q32" s="9">
        <v>1</v>
      </c>
      <c r="R32" s="9">
        <v>1</v>
      </c>
      <c r="S32" s="9">
        <v>1</v>
      </c>
      <c r="T32" s="9">
        <v>1</v>
      </c>
      <c r="U32" s="9">
        <v>1</v>
      </c>
      <c r="V32" s="9">
        <v>1</v>
      </c>
      <c r="W32" s="9">
        <v>1</v>
      </c>
    </row>
    <row r="33" spans="1:23">
      <c r="A33" s="13" t="s">
        <v>34</v>
      </c>
      <c r="B33" s="17">
        <v>0.05</v>
      </c>
      <c r="C33" s="14">
        <v>0</v>
      </c>
      <c r="D33" s="14">
        <v>0</v>
      </c>
      <c r="E33" s="14">
        <v>0</v>
      </c>
      <c r="F33" s="14">
        <v>0</v>
      </c>
      <c r="G33" s="14">
        <v>0</v>
      </c>
      <c r="H33" s="14">
        <v>0</v>
      </c>
      <c r="I33" s="14">
        <v>0</v>
      </c>
      <c r="J33" s="14">
        <v>0</v>
      </c>
      <c r="K33" s="14">
        <v>0</v>
      </c>
      <c r="L33" s="14">
        <v>0</v>
      </c>
      <c r="M33" s="14">
        <v>0</v>
      </c>
      <c r="N33" s="14">
        <v>0</v>
      </c>
      <c r="O33" s="14">
        <v>0</v>
      </c>
      <c r="P33" s="14">
        <v>0</v>
      </c>
      <c r="Q33" s="14">
        <v>0</v>
      </c>
      <c r="R33" s="14">
        <v>0</v>
      </c>
      <c r="S33" s="14">
        <v>0</v>
      </c>
      <c r="T33" s="14">
        <v>0</v>
      </c>
      <c r="U33" s="14">
        <v>0</v>
      </c>
      <c r="V33" s="14">
        <v>0</v>
      </c>
      <c r="W33" s="14">
        <v>0</v>
      </c>
    </row>
    <row r="34" spans="1:23">
      <c r="A34" s="15" t="s">
        <v>35</v>
      </c>
      <c r="B34" s="15"/>
      <c r="C34" s="16">
        <v>10</v>
      </c>
      <c r="D34" s="16">
        <v>10</v>
      </c>
      <c r="E34" s="16">
        <v>10</v>
      </c>
      <c r="F34" s="16">
        <v>10</v>
      </c>
      <c r="G34" s="16">
        <v>10</v>
      </c>
      <c r="H34" s="16">
        <v>10</v>
      </c>
      <c r="I34" s="16">
        <v>10</v>
      </c>
      <c r="J34" s="16">
        <v>10</v>
      </c>
      <c r="K34" s="16">
        <v>10</v>
      </c>
      <c r="L34" s="16">
        <v>10</v>
      </c>
      <c r="M34" s="16">
        <v>10</v>
      </c>
      <c r="N34" s="16">
        <v>10</v>
      </c>
      <c r="O34" s="16">
        <v>10</v>
      </c>
      <c r="P34" s="16">
        <v>10</v>
      </c>
      <c r="Q34" s="16">
        <v>10</v>
      </c>
      <c r="R34" s="16">
        <v>10</v>
      </c>
      <c r="S34" s="16">
        <v>10</v>
      </c>
      <c r="T34" s="16">
        <v>10</v>
      </c>
      <c r="U34" s="16">
        <v>10</v>
      </c>
      <c r="V34" s="16">
        <v>10</v>
      </c>
      <c r="W34" s="16">
        <v>10</v>
      </c>
    </row>
    <row r="35" spans="1:23">
      <c r="B35" s="18"/>
      <c r="C35" s="18"/>
    </row>
    <row r="36" spans="1:23" ht="18">
      <c r="A36" s="93" t="s">
        <v>105</v>
      </c>
    </row>
    <row r="37" spans="1:23" ht="15.75">
      <c r="A37" s="94" t="s">
        <v>103</v>
      </c>
      <c r="B37" s="1"/>
      <c r="C37" s="95">
        <v>0.05</v>
      </c>
    </row>
    <row r="38" spans="1:23">
      <c r="A38" s="5" t="s">
        <v>1</v>
      </c>
      <c r="B38" s="6"/>
      <c r="C38" s="6" t="s">
        <v>3</v>
      </c>
      <c r="D38" s="6" t="s">
        <v>4</v>
      </c>
      <c r="E38" s="6" t="s">
        <v>5</v>
      </c>
      <c r="F38" s="6" t="s">
        <v>6</v>
      </c>
      <c r="G38" s="6" t="s">
        <v>7</v>
      </c>
      <c r="H38" s="6" t="s">
        <v>8</v>
      </c>
      <c r="I38" s="6" t="s">
        <v>9</v>
      </c>
      <c r="J38" s="6" t="s">
        <v>10</v>
      </c>
      <c r="K38" s="6" t="s">
        <v>11</v>
      </c>
      <c r="L38" s="6" t="s">
        <v>12</v>
      </c>
      <c r="M38" s="6" t="s">
        <v>13</v>
      </c>
      <c r="N38" s="6" t="s">
        <v>14</v>
      </c>
      <c r="O38" s="6" t="s">
        <v>15</v>
      </c>
      <c r="P38" s="6" t="s">
        <v>16</v>
      </c>
      <c r="Q38" s="6" t="s">
        <v>17</v>
      </c>
      <c r="R38" s="6" t="s">
        <v>18</v>
      </c>
      <c r="S38" s="6" t="s">
        <v>19</v>
      </c>
      <c r="T38" s="6" t="s">
        <v>20</v>
      </c>
      <c r="U38" s="6" t="s">
        <v>21</v>
      </c>
      <c r="V38" s="6" t="s">
        <v>22</v>
      </c>
      <c r="W38" s="6" t="s">
        <v>23</v>
      </c>
    </row>
    <row r="39" spans="1:23">
      <c r="A39" s="7" t="s">
        <v>24</v>
      </c>
      <c r="B39" s="8">
        <v>1</v>
      </c>
      <c r="C39" s="9">
        <v>6</v>
      </c>
      <c r="D39" s="9">
        <v>0</v>
      </c>
      <c r="E39" s="9">
        <v>0</v>
      </c>
      <c r="F39" s="9">
        <v>0</v>
      </c>
      <c r="G39" s="9">
        <v>0</v>
      </c>
      <c r="H39" s="9">
        <v>0</v>
      </c>
      <c r="I39" s="9">
        <v>1</v>
      </c>
      <c r="J39" s="9">
        <v>1</v>
      </c>
      <c r="K39" s="9">
        <v>1</v>
      </c>
      <c r="L39" s="9">
        <v>1</v>
      </c>
      <c r="M39" s="9">
        <v>6</v>
      </c>
      <c r="N39" s="9">
        <v>0</v>
      </c>
      <c r="O39" s="9">
        <v>0</v>
      </c>
      <c r="P39" s="9">
        <v>0</v>
      </c>
      <c r="Q39" s="9">
        <v>0</v>
      </c>
      <c r="R39" s="9">
        <v>0</v>
      </c>
      <c r="S39" s="9">
        <v>1</v>
      </c>
      <c r="T39" s="9">
        <v>1</v>
      </c>
      <c r="U39" s="9">
        <v>1</v>
      </c>
      <c r="V39" s="9">
        <v>1</v>
      </c>
      <c r="W39" s="9">
        <v>0</v>
      </c>
    </row>
    <row r="40" spans="1:23">
      <c r="A40" s="10" t="s">
        <v>25</v>
      </c>
      <c r="B40" s="11">
        <v>0.82730000000000004</v>
      </c>
      <c r="C40" s="9">
        <v>1</v>
      </c>
      <c r="D40" s="9">
        <v>6</v>
      </c>
      <c r="E40" s="9">
        <v>0</v>
      </c>
      <c r="F40" s="9">
        <v>0</v>
      </c>
      <c r="G40" s="9">
        <v>0</v>
      </c>
      <c r="H40" s="9">
        <v>0</v>
      </c>
      <c r="I40" s="9">
        <v>0</v>
      </c>
      <c r="J40" s="9">
        <v>1</v>
      </c>
      <c r="K40" s="9">
        <v>1</v>
      </c>
      <c r="L40" s="9">
        <v>1</v>
      </c>
      <c r="M40" s="9">
        <v>1</v>
      </c>
      <c r="N40" s="9">
        <v>6</v>
      </c>
      <c r="O40" s="9">
        <v>0</v>
      </c>
      <c r="P40" s="9">
        <v>0</v>
      </c>
      <c r="Q40" s="9">
        <v>0</v>
      </c>
      <c r="R40" s="9">
        <v>0</v>
      </c>
      <c r="S40" s="9">
        <v>0</v>
      </c>
      <c r="T40" s="9">
        <v>1</v>
      </c>
      <c r="U40" s="9">
        <v>1</v>
      </c>
      <c r="V40" s="9">
        <v>1</v>
      </c>
      <c r="W40" s="9">
        <v>1</v>
      </c>
    </row>
    <row r="41" spans="1:23">
      <c r="A41" s="10" t="s">
        <v>26</v>
      </c>
      <c r="B41" s="11">
        <v>0.67179999999999995</v>
      </c>
      <c r="C41" s="9">
        <v>1</v>
      </c>
      <c r="D41" s="9">
        <v>1</v>
      </c>
      <c r="E41" s="9">
        <v>6</v>
      </c>
      <c r="F41" s="9">
        <v>0</v>
      </c>
      <c r="G41" s="9">
        <v>0</v>
      </c>
      <c r="H41" s="9">
        <v>0</v>
      </c>
      <c r="I41" s="9">
        <v>0</v>
      </c>
      <c r="J41" s="9">
        <v>0</v>
      </c>
      <c r="K41" s="9">
        <v>1</v>
      </c>
      <c r="L41" s="9">
        <v>1</v>
      </c>
      <c r="M41" s="9">
        <v>1</v>
      </c>
      <c r="N41" s="9">
        <v>1</v>
      </c>
      <c r="O41" s="9">
        <v>6</v>
      </c>
      <c r="P41" s="9">
        <v>0</v>
      </c>
      <c r="Q41" s="9">
        <v>0</v>
      </c>
      <c r="R41" s="9">
        <v>0</v>
      </c>
      <c r="S41" s="9">
        <v>0</v>
      </c>
      <c r="T41" s="9">
        <v>0</v>
      </c>
      <c r="U41" s="9">
        <v>1</v>
      </c>
      <c r="V41" s="9">
        <v>1</v>
      </c>
      <c r="W41" s="9">
        <v>1</v>
      </c>
    </row>
    <row r="42" spans="1:23">
      <c r="A42" s="12" t="s">
        <v>27</v>
      </c>
      <c r="B42" s="11">
        <v>0.53359999999999996</v>
      </c>
      <c r="C42" s="9">
        <v>1</v>
      </c>
      <c r="D42" s="9">
        <v>1</v>
      </c>
      <c r="E42" s="9">
        <v>1</v>
      </c>
      <c r="F42" s="9">
        <v>6</v>
      </c>
      <c r="G42" s="9">
        <v>0</v>
      </c>
      <c r="H42" s="9">
        <v>0</v>
      </c>
      <c r="I42" s="9">
        <v>0</v>
      </c>
      <c r="J42" s="9">
        <v>0</v>
      </c>
      <c r="K42" s="9">
        <v>0</v>
      </c>
      <c r="L42" s="9">
        <v>1</v>
      </c>
      <c r="M42" s="9">
        <v>1</v>
      </c>
      <c r="N42" s="9">
        <v>1</v>
      </c>
      <c r="O42" s="9">
        <v>1</v>
      </c>
      <c r="P42" s="9">
        <v>6</v>
      </c>
      <c r="Q42" s="9">
        <v>0</v>
      </c>
      <c r="R42" s="9">
        <v>0</v>
      </c>
      <c r="S42" s="9">
        <v>0</v>
      </c>
      <c r="T42" s="9">
        <v>0</v>
      </c>
      <c r="U42" s="9">
        <v>0</v>
      </c>
      <c r="V42" s="9">
        <v>1</v>
      </c>
      <c r="W42" s="9">
        <v>1</v>
      </c>
    </row>
    <row r="43" spans="1:23">
      <c r="A43" s="10" t="s">
        <v>28</v>
      </c>
      <c r="B43" s="11">
        <v>0.41270000000000001</v>
      </c>
      <c r="C43" s="9">
        <v>1</v>
      </c>
      <c r="D43" s="9">
        <v>1</v>
      </c>
      <c r="E43" s="9">
        <v>1</v>
      </c>
      <c r="F43" s="9">
        <v>1</v>
      </c>
      <c r="G43" s="9">
        <v>6</v>
      </c>
      <c r="H43" s="9">
        <v>0</v>
      </c>
      <c r="I43" s="9">
        <v>0</v>
      </c>
      <c r="J43" s="9">
        <v>0</v>
      </c>
      <c r="K43" s="9">
        <v>0</v>
      </c>
      <c r="L43" s="9">
        <v>0</v>
      </c>
      <c r="M43" s="9">
        <v>1</v>
      </c>
      <c r="N43" s="9">
        <v>1</v>
      </c>
      <c r="O43" s="9">
        <v>1</v>
      </c>
      <c r="P43" s="9">
        <v>1</v>
      </c>
      <c r="Q43" s="9">
        <v>6</v>
      </c>
      <c r="R43" s="9">
        <v>0</v>
      </c>
      <c r="S43" s="9">
        <v>0</v>
      </c>
      <c r="T43" s="9">
        <v>0</v>
      </c>
      <c r="U43" s="9">
        <v>0</v>
      </c>
      <c r="V43" s="9">
        <v>0</v>
      </c>
      <c r="W43" s="9">
        <v>1</v>
      </c>
    </row>
    <row r="44" spans="1:23">
      <c r="A44" s="10" t="s">
        <v>29</v>
      </c>
      <c r="B44" s="11">
        <v>0.30909999999999999</v>
      </c>
      <c r="C44" s="9">
        <v>0</v>
      </c>
      <c r="D44" s="9">
        <v>1</v>
      </c>
      <c r="E44" s="9">
        <v>1</v>
      </c>
      <c r="F44" s="9">
        <v>1</v>
      </c>
      <c r="G44" s="9">
        <v>1</v>
      </c>
      <c r="H44" s="9">
        <v>6</v>
      </c>
      <c r="I44" s="9">
        <v>0</v>
      </c>
      <c r="J44" s="9">
        <v>0</v>
      </c>
      <c r="K44" s="9">
        <v>0</v>
      </c>
      <c r="L44" s="9">
        <v>0</v>
      </c>
      <c r="M44" s="9">
        <v>0</v>
      </c>
      <c r="N44" s="9">
        <v>1</v>
      </c>
      <c r="O44" s="9">
        <v>1</v>
      </c>
      <c r="P44" s="9">
        <v>1</v>
      </c>
      <c r="Q44" s="9">
        <v>1</v>
      </c>
      <c r="R44" s="9">
        <v>6</v>
      </c>
      <c r="S44" s="9">
        <v>0</v>
      </c>
      <c r="T44" s="9">
        <v>0</v>
      </c>
      <c r="U44" s="9">
        <v>0</v>
      </c>
      <c r="V44" s="9">
        <v>0</v>
      </c>
      <c r="W44" s="9">
        <v>0</v>
      </c>
    </row>
    <row r="45" spans="1:23">
      <c r="A45" s="10" t="s">
        <v>30</v>
      </c>
      <c r="B45" s="11">
        <v>0.22270000000000001</v>
      </c>
      <c r="C45" s="9">
        <v>0</v>
      </c>
      <c r="D45" s="9">
        <v>0</v>
      </c>
      <c r="E45" s="9">
        <v>1</v>
      </c>
      <c r="F45" s="9">
        <v>1</v>
      </c>
      <c r="G45" s="9">
        <v>1</v>
      </c>
      <c r="H45" s="9">
        <v>1</v>
      </c>
      <c r="I45" s="9">
        <v>6</v>
      </c>
      <c r="J45" s="9">
        <v>0</v>
      </c>
      <c r="K45" s="9">
        <v>0</v>
      </c>
      <c r="L45" s="9">
        <v>0</v>
      </c>
      <c r="M45" s="9">
        <v>0</v>
      </c>
      <c r="N45" s="9">
        <v>0</v>
      </c>
      <c r="O45" s="9">
        <v>1</v>
      </c>
      <c r="P45" s="9">
        <v>1</v>
      </c>
      <c r="Q45" s="9">
        <v>1</v>
      </c>
      <c r="R45" s="9">
        <v>1</v>
      </c>
      <c r="S45" s="9">
        <v>6</v>
      </c>
      <c r="T45" s="9">
        <v>0</v>
      </c>
      <c r="U45" s="9">
        <v>0</v>
      </c>
      <c r="V45" s="9">
        <v>0</v>
      </c>
      <c r="W45" s="9">
        <v>0</v>
      </c>
    </row>
    <row r="46" spans="1:23">
      <c r="A46" s="10" t="s">
        <v>31</v>
      </c>
      <c r="B46" s="11">
        <v>0.15359999999999999</v>
      </c>
      <c r="C46" s="9">
        <v>0</v>
      </c>
      <c r="D46" s="9">
        <v>0</v>
      </c>
      <c r="E46" s="9">
        <v>0</v>
      </c>
      <c r="F46" s="9">
        <v>1</v>
      </c>
      <c r="G46" s="9">
        <v>1</v>
      </c>
      <c r="H46" s="9">
        <v>1</v>
      </c>
      <c r="I46" s="9">
        <v>1</v>
      </c>
      <c r="J46" s="9">
        <v>6</v>
      </c>
      <c r="K46" s="9">
        <v>0</v>
      </c>
      <c r="L46" s="9">
        <v>0</v>
      </c>
      <c r="M46" s="9">
        <v>0</v>
      </c>
      <c r="N46" s="9">
        <v>0</v>
      </c>
      <c r="O46" s="9">
        <v>0</v>
      </c>
      <c r="P46" s="9">
        <v>1</v>
      </c>
      <c r="Q46" s="9">
        <v>1</v>
      </c>
      <c r="R46" s="9">
        <v>1</v>
      </c>
      <c r="S46" s="9">
        <v>1</v>
      </c>
      <c r="T46" s="9">
        <v>6</v>
      </c>
      <c r="U46" s="9">
        <v>0</v>
      </c>
      <c r="V46" s="9">
        <v>0</v>
      </c>
      <c r="W46" s="9">
        <v>0</v>
      </c>
    </row>
    <row r="47" spans="1:23">
      <c r="A47" s="10" t="s">
        <v>32</v>
      </c>
      <c r="B47" s="11">
        <v>0.1018</v>
      </c>
      <c r="C47" s="9">
        <v>0</v>
      </c>
      <c r="D47" s="9">
        <v>0</v>
      </c>
      <c r="E47" s="9">
        <v>0</v>
      </c>
      <c r="F47" s="9">
        <v>0</v>
      </c>
      <c r="G47" s="9">
        <v>1</v>
      </c>
      <c r="H47" s="9">
        <v>1</v>
      </c>
      <c r="I47" s="9">
        <v>1</v>
      </c>
      <c r="J47" s="9">
        <v>1</v>
      </c>
      <c r="K47" s="9">
        <v>6</v>
      </c>
      <c r="L47" s="9">
        <v>0</v>
      </c>
      <c r="M47" s="9">
        <v>0</v>
      </c>
      <c r="N47" s="9">
        <v>0</v>
      </c>
      <c r="O47" s="9">
        <v>0</v>
      </c>
      <c r="P47" s="9">
        <v>0</v>
      </c>
      <c r="Q47" s="9">
        <v>1</v>
      </c>
      <c r="R47" s="9">
        <v>1</v>
      </c>
      <c r="S47" s="9">
        <v>1</v>
      </c>
      <c r="T47" s="9">
        <v>1</v>
      </c>
      <c r="U47" s="9">
        <v>6</v>
      </c>
      <c r="V47" s="9">
        <v>0</v>
      </c>
      <c r="W47" s="9">
        <v>0</v>
      </c>
    </row>
    <row r="48" spans="1:23">
      <c r="A48" s="10" t="s">
        <v>33</v>
      </c>
      <c r="B48" s="11">
        <v>6.7299999999999999E-2</v>
      </c>
      <c r="C48" s="9">
        <v>0</v>
      </c>
      <c r="D48" s="9">
        <v>0</v>
      </c>
      <c r="E48" s="9">
        <v>0</v>
      </c>
      <c r="F48" s="9">
        <v>0</v>
      </c>
      <c r="G48" s="9">
        <v>0</v>
      </c>
      <c r="H48" s="9">
        <v>1</v>
      </c>
      <c r="I48" s="9">
        <v>1</v>
      </c>
      <c r="J48" s="9">
        <v>1</v>
      </c>
      <c r="K48" s="9">
        <v>1</v>
      </c>
      <c r="L48" s="9">
        <v>6</v>
      </c>
      <c r="M48" s="9">
        <v>0</v>
      </c>
      <c r="N48" s="9">
        <v>0</v>
      </c>
      <c r="O48" s="9">
        <v>0</v>
      </c>
      <c r="P48" s="9">
        <v>0</v>
      </c>
      <c r="Q48" s="9">
        <v>0</v>
      </c>
      <c r="R48" s="9">
        <v>1</v>
      </c>
      <c r="S48" s="9">
        <v>1</v>
      </c>
      <c r="T48" s="9">
        <v>1</v>
      </c>
      <c r="U48" s="9">
        <v>1</v>
      </c>
      <c r="V48" s="9">
        <v>6</v>
      </c>
      <c r="W48" s="9">
        <v>0</v>
      </c>
    </row>
    <row r="49" spans="1:23">
      <c r="A49" s="10" t="s">
        <v>34</v>
      </c>
      <c r="B49" s="8">
        <v>0.05</v>
      </c>
      <c r="C49" s="9">
        <v>0</v>
      </c>
      <c r="D49" s="9">
        <v>0</v>
      </c>
      <c r="E49" s="9">
        <v>0</v>
      </c>
      <c r="F49" s="9">
        <v>0</v>
      </c>
      <c r="G49" s="9">
        <v>0</v>
      </c>
      <c r="H49" s="9">
        <v>0</v>
      </c>
      <c r="I49" s="9">
        <v>0</v>
      </c>
      <c r="J49" s="9">
        <v>0</v>
      </c>
      <c r="K49" s="9">
        <v>0</v>
      </c>
      <c r="L49" s="9">
        <v>0</v>
      </c>
      <c r="M49" s="9">
        <v>0</v>
      </c>
      <c r="N49" s="9">
        <v>0</v>
      </c>
      <c r="O49" s="9">
        <v>0</v>
      </c>
      <c r="P49" s="9">
        <v>0</v>
      </c>
      <c r="Q49" s="9">
        <v>0</v>
      </c>
      <c r="R49" s="9">
        <v>0</v>
      </c>
      <c r="S49" s="9">
        <v>0</v>
      </c>
      <c r="T49" s="9">
        <v>0</v>
      </c>
      <c r="U49" s="9">
        <v>0</v>
      </c>
      <c r="V49" s="9">
        <v>0</v>
      </c>
      <c r="W49" s="9">
        <v>6</v>
      </c>
    </row>
    <row r="50" spans="1:23">
      <c r="A50" s="15" t="s">
        <v>35</v>
      </c>
      <c r="B50" s="15"/>
      <c r="C50" s="16">
        <v>10</v>
      </c>
      <c r="D50" s="16">
        <v>10</v>
      </c>
      <c r="E50" s="16">
        <v>10</v>
      </c>
      <c r="F50" s="16">
        <v>10</v>
      </c>
      <c r="G50" s="16">
        <v>10</v>
      </c>
      <c r="H50" s="16">
        <v>10</v>
      </c>
      <c r="I50" s="16">
        <v>10</v>
      </c>
      <c r="J50" s="16">
        <v>10</v>
      </c>
      <c r="K50" s="16">
        <v>10</v>
      </c>
      <c r="L50" s="16">
        <v>10</v>
      </c>
      <c r="M50" s="16">
        <v>10</v>
      </c>
      <c r="N50" s="16">
        <v>10</v>
      </c>
      <c r="O50" s="16">
        <v>10</v>
      </c>
      <c r="P50" s="16">
        <v>10</v>
      </c>
      <c r="Q50" s="16">
        <v>10</v>
      </c>
      <c r="R50" s="16">
        <v>10</v>
      </c>
      <c r="S50" s="16">
        <v>10</v>
      </c>
      <c r="T50" s="16">
        <v>10</v>
      </c>
      <c r="U50" s="16">
        <v>10</v>
      </c>
      <c r="V50" s="16">
        <v>10</v>
      </c>
      <c r="W50" s="16">
        <v>10</v>
      </c>
    </row>
    <row r="52" spans="1:23" ht="18">
      <c r="A52" s="93" t="s">
        <v>108</v>
      </c>
    </row>
    <row r="53" spans="1:23">
      <c r="A53" s="19" t="s">
        <v>36</v>
      </c>
      <c r="B53" s="20"/>
      <c r="C53" s="20" t="s">
        <v>3</v>
      </c>
      <c r="D53" s="20" t="s">
        <v>4</v>
      </c>
      <c r="E53" s="20" t="s">
        <v>5</v>
      </c>
      <c r="F53" s="20" t="s">
        <v>6</v>
      </c>
      <c r="G53" s="20" t="s">
        <v>7</v>
      </c>
      <c r="H53" s="20" t="s">
        <v>8</v>
      </c>
      <c r="I53" s="20" t="s">
        <v>9</v>
      </c>
      <c r="J53" s="20" t="s">
        <v>10</v>
      </c>
      <c r="K53" s="20" t="s">
        <v>11</v>
      </c>
      <c r="L53" s="20" t="s">
        <v>12</v>
      </c>
      <c r="M53" s="20" t="s">
        <v>13</v>
      </c>
      <c r="N53" s="20" t="s">
        <v>14</v>
      </c>
      <c r="O53" s="20" t="s">
        <v>15</v>
      </c>
      <c r="P53" s="20" t="s">
        <v>16</v>
      </c>
      <c r="Q53" s="20" t="s">
        <v>17</v>
      </c>
      <c r="R53" s="20" t="s">
        <v>18</v>
      </c>
      <c r="S53" s="20" t="s">
        <v>19</v>
      </c>
      <c r="T53" s="20" t="s">
        <v>20</v>
      </c>
      <c r="U53" s="20" t="s">
        <v>21</v>
      </c>
      <c r="V53" s="20" t="s">
        <v>22</v>
      </c>
      <c r="W53" s="21" t="s">
        <v>23</v>
      </c>
    </row>
    <row r="54" spans="1:23">
      <c r="A54" s="22" t="s">
        <v>37</v>
      </c>
      <c r="B54" s="23"/>
      <c r="C54" s="8">
        <v>0.48568571428571433</v>
      </c>
      <c r="D54" s="24">
        <v>1</v>
      </c>
      <c r="E54" s="24">
        <v>1</v>
      </c>
      <c r="F54" s="24">
        <v>1</v>
      </c>
      <c r="G54" s="24">
        <v>1</v>
      </c>
      <c r="H54" s="24">
        <v>1</v>
      </c>
      <c r="I54" s="24">
        <v>1</v>
      </c>
      <c r="J54" s="24">
        <v>1</v>
      </c>
      <c r="K54" s="24">
        <v>1</v>
      </c>
      <c r="L54" s="24">
        <v>1</v>
      </c>
      <c r="M54" s="24">
        <v>1</v>
      </c>
      <c r="N54" s="24">
        <v>1</v>
      </c>
      <c r="O54" s="24">
        <v>1</v>
      </c>
      <c r="P54" s="24">
        <v>1</v>
      </c>
      <c r="Q54" s="24">
        <v>1</v>
      </c>
      <c r="R54" s="24">
        <v>1</v>
      </c>
      <c r="S54" s="24">
        <v>1</v>
      </c>
      <c r="T54" s="24">
        <v>1</v>
      </c>
      <c r="U54" s="24">
        <v>1</v>
      </c>
      <c r="V54" s="24">
        <v>1</v>
      </c>
      <c r="W54" s="25">
        <v>1</v>
      </c>
    </row>
    <row r="55" spans="1:23">
      <c r="A55" s="26" t="s">
        <v>38</v>
      </c>
      <c r="B55" s="13"/>
      <c r="C55" s="14">
        <v>7</v>
      </c>
      <c r="D55" s="14">
        <v>1</v>
      </c>
      <c r="E55" s="14">
        <v>1</v>
      </c>
      <c r="F55" s="14">
        <v>1</v>
      </c>
      <c r="G55" s="14">
        <v>1</v>
      </c>
      <c r="H55" s="14">
        <v>1</v>
      </c>
      <c r="I55" s="14">
        <v>1</v>
      </c>
      <c r="J55" s="14">
        <v>1</v>
      </c>
      <c r="K55" s="14">
        <v>1</v>
      </c>
      <c r="L55" s="14">
        <v>1</v>
      </c>
      <c r="M55" s="14">
        <v>1</v>
      </c>
      <c r="N55" s="14">
        <v>1</v>
      </c>
      <c r="O55" s="14">
        <v>1</v>
      </c>
      <c r="P55" s="14">
        <v>1</v>
      </c>
      <c r="Q55" s="14">
        <v>1</v>
      </c>
      <c r="R55" s="14">
        <v>1</v>
      </c>
      <c r="S55" s="14">
        <v>1</v>
      </c>
      <c r="T55" s="14">
        <v>1</v>
      </c>
      <c r="U55" s="14">
        <v>1</v>
      </c>
      <c r="V55" s="14">
        <v>1</v>
      </c>
      <c r="W55" s="27">
        <v>1</v>
      </c>
    </row>
    <row r="57" spans="1:23">
      <c r="A57" s="19" t="s">
        <v>39</v>
      </c>
      <c r="B57" s="20"/>
      <c r="C57" s="20" t="s">
        <v>3</v>
      </c>
      <c r="D57" s="20" t="s">
        <v>4</v>
      </c>
      <c r="E57" s="20" t="s">
        <v>5</v>
      </c>
      <c r="F57" s="20" t="s">
        <v>6</v>
      </c>
      <c r="G57" s="20" t="s">
        <v>7</v>
      </c>
      <c r="H57" s="20" t="s">
        <v>8</v>
      </c>
      <c r="I57" s="20" t="s">
        <v>9</v>
      </c>
      <c r="J57" s="20" t="s">
        <v>10</v>
      </c>
      <c r="K57" s="20" t="s">
        <v>11</v>
      </c>
      <c r="L57" s="20" t="s">
        <v>12</v>
      </c>
      <c r="M57" s="20" t="s">
        <v>13</v>
      </c>
      <c r="N57" s="20" t="s">
        <v>14</v>
      </c>
      <c r="O57" s="20" t="s">
        <v>15</v>
      </c>
      <c r="P57" s="20" t="s">
        <v>16</v>
      </c>
      <c r="Q57" s="20" t="s">
        <v>17</v>
      </c>
      <c r="R57" s="20" t="s">
        <v>18</v>
      </c>
      <c r="S57" s="20" t="s">
        <v>19</v>
      </c>
      <c r="T57" s="20" t="s">
        <v>20</v>
      </c>
      <c r="U57" s="20" t="s">
        <v>21</v>
      </c>
      <c r="V57" s="20" t="s">
        <v>22</v>
      </c>
      <c r="W57" s="21" t="s">
        <v>23</v>
      </c>
    </row>
    <row r="58" spans="1:23">
      <c r="A58" s="22" t="s">
        <v>37</v>
      </c>
      <c r="B58" s="23"/>
      <c r="C58" s="8">
        <v>0.42999000000000009</v>
      </c>
      <c r="D58" s="24">
        <v>1</v>
      </c>
      <c r="E58" s="24">
        <v>1</v>
      </c>
      <c r="F58" s="24">
        <v>1</v>
      </c>
      <c r="G58" s="24">
        <v>1</v>
      </c>
      <c r="H58" s="24">
        <v>1</v>
      </c>
      <c r="I58" s="24">
        <v>1</v>
      </c>
      <c r="J58" s="24">
        <v>1</v>
      </c>
      <c r="K58" s="24">
        <v>1</v>
      </c>
      <c r="L58" s="24">
        <v>1</v>
      </c>
      <c r="M58" s="24">
        <v>1</v>
      </c>
      <c r="N58" s="24">
        <v>1</v>
      </c>
      <c r="O58" s="24">
        <v>1</v>
      </c>
      <c r="P58" s="24">
        <v>1</v>
      </c>
      <c r="Q58" s="24">
        <v>1</v>
      </c>
      <c r="R58" s="24">
        <v>1</v>
      </c>
      <c r="S58" s="24">
        <v>1</v>
      </c>
      <c r="T58" s="24">
        <v>1</v>
      </c>
      <c r="U58" s="24">
        <v>1</v>
      </c>
      <c r="V58" s="24">
        <v>1</v>
      </c>
      <c r="W58" s="25">
        <v>1</v>
      </c>
    </row>
    <row r="59" spans="1:23">
      <c r="A59" s="26" t="s">
        <v>38</v>
      </c>
      <c r="B59" s="13"/>
      <c r="C59" s="14">
        <v>10</v>
      </c>
      <c r="D59" s="14">
        <v>1</v>
      </c>
      <c r="E59" s="14">
        <v>1</v>
      </c>
      <c r="F59" s="14">
        <v>1</v>
      </c>
      <c r="G59" s="14">
        <v>1</v>
      </c>
      <c r="H59" s="14">
        <v>1</v>
      </c>
      <c r="I59" s="14">
        <v>1</v>
      </c>
      <c r="J59" s="14">
        <v>1</v>
      </c>
      <c r="K59" s="14">
        <v>1</v>
      </c>
      <c r="L59" s="14">
        <v>1</v>
      </c>
      <c r="M59" s="14">
        <v>1</v>
      </c>
      <c r="N59" s="14">
        <v>1</v>
      </c>
      <c r="O59" s="14">
        <v>1</v>
      </c>
      <c r="P59" s="14">
        <v>1</v>
      </c>
      <c r="Q59" s="14">
        <v>1</v>
      </c>
      <c r="R59" s="14">
        <v>1</v>
      </c>
      <c r="S59" s="14">
        <v>1</v>
      </c>
      <c r="T59" s="14">
        <v>1</v>
      </c>
      <c r="U59" s="14">
        <v>1</v>
      </c>
      <c r="V59" s="14">
        <v>1</v>
      </c>
      <c r="W59" s="27">
        <v>1</v>
      </c>
    </row>
    <row r="60" spans="1:23">
      <c r="A60" s="4"/>
    </row>
    <row r="61" spans="1:23">
      <c r="A61" s="19" t="s">
        <v>40</v>
      </c>
      <c r="B61" s="20"/>
      <c r="C61" s="20" t="s">
        <v>3</v>
      </c>
      <c r="D61" s="20" t="s">
        <v>4</v>
      </c>
      <c r="E61" s="20" t="s">
        <v>5</v>
      </c>
      <c r="F61" s="20" t="s">
        <v>6</v>
      </c>
      <c r="G61" s="20" t="s">
        <v>7</v>
      </c>
      <c r="H61" s="20" t="s">
        <v>8</v>
      </c>
      <c r="I61" s="20" t="s">
        <v>9</v>
      </c>
      <c r="J61" s="20" t="s">
        <v>10</v>
      </c>
      <c r="K61" s="20" t="s">
        <v>11</v>
      </c>
      <c r="L61" s="20" t="s">
        <v>12</v>
      </c>
      <c r="M61" s="20" t="s">
        <v>13</v>
      </c>
      <c r="N61" s="20" t="s">
        <v>14</v>
      </c>
      <c r="O61" s="20" t="s">
        <v>15</v>
      </c>
      <c r="P61" s="20" t="s">
        <v>16</v>
      </c>
      <c r="Q61" s="20" t="s">
        <v>17</v>
      </c>
      <c r="R61" s="20" t="s">
        <v>18</v>
      </c>
      <c r="S61" s="20" t="s">
        <v>19</v>
      </c>
      <c r="T61" s="20" t="s">
        <v>20</v>
      </c>
      <c r="U61" s="20" t="s">
        <v>21</v>
      </c>
      <c r="V61" s="20" t="s">
        <v>22</v>
      </c>
      <c r="W61" s="21" t="s">
        <v>23</v>
      </c>
    </row>
    <row r="62" spans="1:23">
      <c r="A62" s="22" t="s">
        <v>37</v>
      </c>
      <c r="B62" s="23"/>
      <c r="C62" s="8">
        <v>0.84453999999999996</v>
      </c>
      <c r="D62" s="24">
        <v>1</v>
      </c>
      <c r="E62" s="24">
        <v>1</v>
      </c>
      <c r="F62" s="24">
        <v>1</v>
      </c>
      <c r="G62" s="24">
        <v>1</v>
      </c>
      <c r="H62" s="24">
        <v>1</v>
      </c>
      <c r="I62" s="24">
        <v>1</v>
      </c>
      <c r="J62" s="24">
        <v>1</v>
      </c>
      <c r="K62" s="24">
        <v>1</v>
      </c>
      <c r="L62" s="24">
        <v>1</v>
      </c>
      <c r="M62" s="24">
        <v>1</v>
      </c>
      <c r="N62" s="24">
        <v>1</v>
      </c>
      <c r="O62" s="24">
        <v>1</v>
      </c>
      <c r="P62" s="24">
        <v>1</v>
      </c>
      <c r="Q62" s="24">
        <v>1</v>
      </c>
      <c r="R62" s="24">
        <v>1</v>
      </c>
      <c r="S62" s="24">
        <v>1</v>
      </c>
      <c r="T62" s="24">
        <v>1</v>
      </c>
      <c r="U62" s="24">
        <v>1</v>
      </c>
      <c r="V62" s="24">
        <v>1</v>
      </c>
      <c r="W62" s="25">
        <v>1</v>
      </c>
    </row>
    <row r="63" spans="1:23">
      <c r="A63" s="26" t="s">
        <v>38</v>
      </c>
      <c r="B63" s="13"/>
      <c r="C63" s="14">
        <v>10</v>
      </c>
      <c r="D63" s="14">
        <v>0</v>
      </c>
      <c r="E63" s="14">
        <v>0</v>
      </c>
      <c r="F63" s="14">
        <v>0</v>
      </c>
      <c r="G63" s="14">
        <v>0</v>
      </c>
      <c r="H63" s="14">
        <v>0</v>
      </c>
      <c r="I63" s="14">
        <v>1</v>
      </c>
      <c r="J63" s="14">
        <v>1</v>
      </c>
      <c r="K63" s="14">
        <v>1</v>
      </c>
      <c r="L63" s="14">
        <v>1</v>
      </c>
      <c r="M63" s="14">
        <v>6</v>
      </c>
      <c r="N63" s="14">
        <v>0</v>
      </c>
      <c r="O63" s="14">
        <v>0</v>
      </c>
      <c r="P63" s="14">
        <v>0</v>
      </c>
      <c r="Q63" s="14">
        <v>0</v>
      </c>
      <c r="R63" s="14">
        <v>0</v>
      </c>
      <c r="S63" s="14">
        <v>1</v>
      </c>
      <c r="T63" s="14">
        <v>1</v>
      </c>
      <c r="U63" s="14">
        <v>1</v>
      </c>
      <c r="V63" s="14">
        <v>1</v>
      </c>
      <c r="W63" s="27">
        <v>0</v>
      </c>
    </row>
    <row r="64" spans="1:23">
      <c r="A64" s="23"/>
      <c r="B64" s="23"/>
      <c r="C64" s="101"/>
      <c r="D64" s="101"/>
      <c r="E64" s="101"/>
      <c r="F64" s="101"/>
      <c r="G64" s="101"/>
      <c r="H64" s="101"/>
      <c r="I64" s="101"/>
      <c r="J64" s="101"/>
      <c r="K64" s="101"/>
      <c r="L64" s="101"/>
      <c r="M64" s="101"/>
      <c r="N64" s="101"/>
      <c r="O64" s="101"/>
      <c r="P64" s="101"/>
      <c r="Q64" s="101"/>
      <c r="R64" s="101"/>
      <c r="S64" s="101"/>
      <c r="T64" s="101"/>
      <c r="U64" s="101"/>
      <c r="V64" s="101"/>
      <c r="W64" s="101"/>
    </row>
    <row r="65" spans="1:23">
      <c r="A65" s="23"/>
      <c r="B65" s="23"/>
      <c r="C65" s="101"/>
      <c r="D65" s="101"/>
      <c r="E65" s="101"/>
      <c r="F65" s="101"/>
      <c r="G65" s="101"/>
      <c r="H65" s="101"/>
      <c r="I65" s="101"/>
      <c r="J65" s="101"/>
      <c r="K65" s="101"/>
      <c r="L65" s="101"/>
      <c r="M65" s="101"/>
      <c r="N65" s="101"/>
      <c r="O65" s="101"/>
      <c r="P65" s="101"/>
      <c r="Q65" s="101"/>
      <c r="R65" s="101"/>
      <c r="S65" s="101"/>
      <c r="T65" s="101"/>
      <c r="U65" s="101"/>
      <c r="V65" s="101"/>
      <c r="W65" s="101"/>
    </row>
    <row r="66" spans="1:23">
      <c r="A66" s="23"/>
      <c r="B66" s="23"/>
      <c r="C66" s="101"/>
      <c r="D66" s="101"/>
      <c r="E66" s="101"/>
      <c r="F66" s="101"/>
      <c r="G66" s="101"/>
      <c r="H66" s="101"/>
      <c r="I66" s="101"/>
      <c r="J66" s="101"/>
      <c r="K66" s="101"/>
      <c r="L66" s="101"/>
      <c r="M66" s="101"/>
      <c r="N66" s="101"/>
      <c r="O66" s="101"/>
      <c r="P66" s="101"/>
      <c r="Q66" s="101"/>
      <c r="R66" s="101"/>
      <c r="S66" s="101"/>
      <c r="T66" s="101"/>
      <c r="U66" s="101"/>
      <c r="V66" s="101"/>
      <c r="W66" s="101"/>
    </row>
    <row r="67" spans="1:23">
      <c r="A67" s="23"/>
      <c r="B67" s="23"/>
      <c r="C67" s="101"/>
      <c r="D67" s="101"/>
      <c r="E67" s="101"/>
      <c r="F67" s="101"/>
      <c r="G67" s="101"/>
      <c r="H67" s="101"/>
      <c r="I67" s="101"/>
      <c r="J67" s="101"/>
      <c r="K67" s="101"/>
      <c r="L67" s="101"/>
      <c r="M67" s="101"/>
      <c r="N67" s="101"/>
      <c r="O67" s="101"/>
      <c r="P67" s="101"/>
      <c r="Q67" s="101"/>
      <c r="R67" s="101"/>
      <c r="S67" s="101"/>
      <c r="T67" s="101"/>
      <c r="U67" s="101"/>
      <c r="V67" s="101"/>
      <c r="W67" s="101"/>
    </row>
    <row r="68" spans="1:23">
      <c r="A68" s="23"/>
      <c r="B68" s="23"/>
      <c r="C68" s="101"/>
      <c r="D68" s="101"/>
      <c r="E68" s="101"/>
      <c r="F68" s="101"/>
      <c r="G68" s="101"/>
      <c r="H68" s="101"/>
      <c r="I68" s="101"/>
      <c r="J68" s="101"/>
      <c r="K68" s="101"/>
      <c r="L68" s="101"/>
      <c r="M68" s="101"/>
      <c r="N68" s="101"/>
      <c r="O68" s="101"/>
      <c r="P68" s="101"/>
      <c r="Q68" s="101"/>
      <c r="R68" s="101"/>
      <c r="S68" s="101"/>
      <c r="T68" s="101"/>
      <c r="U68" s="101"/>
      <c r="V68" s="101"/>
      <c r="W68" s="101"/>
    </row>
    <row r="69" spans="1:23">
      <c r="A69" s="23"/>
      <c r="B69" s="23"/>
      <c r="C69" s="101"/>
      <c r="D69" s="101"/>
      <c r="E69" s="101"/>
      <c r="F69" s="101"/>
      <c r="G69" s="101"/>
      <c r="H69" s="101"/>
      <c r="I69" s="101"/>
      <c r="J69" s="101"/>
      <c r="K69" s="101"/>
      <c r="L69" s="101"/>
      <c r="M69" s="101"/>
      <c r="N69" s="101"/>
      <c r="O69" s="101"/>
      <c r="P69" s="101"/>
      <c r="Q69" s="101"/>
      <c r="R69" s="101"/>
      <c r="S69" s="101"/>
      <c r="T69" s="101"/>
      <c r="U69" s="101"/>
      <c r="V69" s="101"/>
      <c r="W69" s="101"/>
    </row>
    <row r="70" spans="1:23">
      <c r="A70" s="23"/>
      <c r="B70" s="23"/>
      <c r="C70" s="101"/>
      <c r="D70" s="101"/>
      <c r="E70" s="101"/>
      <c r="F70" s="101"/>
      <c r="G70" s="101"/>
      <c r="H70" s="101"/>
      <c r="I70" s="101"/>
      <c r="J70" s="101"/>
      <c r="K70" s="101"/>
      <c r="L70" s="101"/>
      <c r="M70" s="101"/>
      <c r="N70" s="101"/>
      <c r="O70" s="101"/>
      <c r="P70" s="101"/>
      <c r="Q70" s="101"/>
      <c r="R70" s="101"/>
      <c r="S70" s="101"/>
      <c r="T70" s="101"/>
      <c r="U70" s="101"/>
      <c r="V70" s="101"/>
      <c r="W70" s="101"/>
    </row>
    <row r="71" spans="1:23">
      <c r="A71" s="23"/>
      <c r="B71" s="23"/>
      <c r="C71" s="101"/>
      <c r="D71" s="101"/>
      <c r="E71" s="101"/>
      <c r="F71" s="101"/>
      <c r="G71" s="101"/>
      <c r="H71" s="101"/>
      <c r="I71" s="101"/>
      <c r="J71" s="101"/>
      <c r="K71" s="101"/>
      <c r="L71" s="101"/>
      <c r="M71" s="101"/>
      <c r="N71" s="101"/>
      <c r="O71" s="101"/>
      <c r="P71" s="101"/>
      <c r="Q71" s="101"/>
      <c r="R71" s="101"/>
      <c r="S71" s="101"/>
      <c r="T71" s="101"/>
      <c r="U71" s="101"/>
      <c r="V71" s="101"/>
      <c r="W71" s="101"/>
    </row>
    <row r="72" spans="1:23">
      <c r="A72" s="23"/>
      <c r="B72" s="23"/>
      <c r="C72" s="101"/>
      <c r="D72" s="101"/>
      <c r="E72" s="101"/>
      <c r="F72" s="101"/>
      <c r="G72" s="101"/>
      <c r="H72" s="101"/>
      <c r="I72" s="101"/>
      <c r="J72" s="101"/>
      <c r="K72" s="101"/>
      <c r="L72" s="101"/>
      <c r="M72" s="101"/>
      <c r="N72" s="101"/>
      <c r="O72" s="101"/>
      <c r="P72" s="101"/>
      <c r="Q72" s="101"/>
      <c r="R72" s="101"/>
      <c r="S72" s="101"/>
      <c r="T72" s="101"/>
      <c r="U72" s="101"/>
      <c r="V72" s="101"/>
      <c r="W72" s="101"/>
    </row>
    <row r="73" spans="1:23">
      <c r="A73" s="23"/>
      <c r="B73" s="23"/>
      <c r="C73" s="101"/>
      <c r="D73" s="101"/>
      <c r="E73" s="101"/>
      <c r="F73" s="101"/>
      <c r="G73" s="101"/>
      <c r="H73" s="101"/>
      <c r="I73" s="101"/>
      <c r="J73" s="101"/>
      <c r="K73" s="101"/>
      <c r="L73" s="101"/>
      <c r="M73" s="101"/>
      <c r="N73" s="101"/>
      <c r="O73" s="101"/>
      <c r="P73" s="101"/>
      <c r="Q73" s="101"/>
      <c r="R73" s="101"/>
      <c r="S73" s="101"/>
      <c r="T73" s="101"/>
      <c r="U73" s="101"/>
      <c r="V73" s="101"/>
      <c r="W73" s="101"/>
    </row>
    <row r="74" spans="1:23">
      <c r="A74" s="23"/>
      <c r="B74" s="23"/>
      <c r="C74" s="101"/>
      <c r="D74" s="101"/>
      <c r="E74" s="101"/>
      <c r="F74" s="101"/>
      <c r="G74" s="101"/>
      <c r="H74" s="101"/>
      <c r="I74" s="101"/>
      <c r="J74" s="101"/>
      <c r="K74" s="101"/>
      <c r="L74" s="101"/>
      <c r="M74" s="101"/>
      <c r="N74" s="101"/>
      <c r="O74" s="101"/>
      <c r="P74" s="101"/>
      <c r="Q74" s="101"/>
      <c r="R74" s="101"/>
      <c r="S74" s="101"/>
      <c r="T74" s="101"/>
      <c r="U74" s="101"/>
      <c r="V74" s="101"/>
      <c r="W74" s="101"/>
    </row>
    <row r="75" spans="1:23">
      <c r="A75" s="23"/>
      <c r="B75" s="23"/>
      <c r="C75" s="101"/>
      <c r="D75" s="101"/>
      <c r="E75" s="101"/>
      <c r="F75" s="101"/>
      <c r="G75" s="101"/>
      <c r="H75" s="101"/>
      <c r="I75" s="101"/>
      <c r="J75" s="101"/>
      <c r="K75" s="101"/>
      <c r="L75" s="101"/>
      <c r="M75" s="101"/>
      <c r="N75" s="101"/>
      <c r="O75" s="101"/>
      <c r="P75" s="101"/>
      <c r="Q75" s="101"/>
      <c r="R75" s="101"/>
      <c r="S75" s="101"/>
      <c r="T75" s="101"/>
      <c r="U75" s="101"/>
      <c r="V75" s="101"/>
      <c r="W75" s="101"/>
    </row>
    <row r="76" spans="1:23">
      <c r="A76" s="23"/>
      <c r="B76" s="23"/>
      <c r="C76" s="101"/>
      <c r="D76" s="101"/>
      <c r="E76" s="101"/>
      <c r="F76" s="101"/>
      <c r="G76" s="101"/>
      <c r="H76" s="101"/>
      <c r="I76" s="101"/>
      <c r="J76" s="101"/>
      <c r="K76" s="101"/>
      <c r="L76" s="101"/>
      <c r="M76" s="101"/>
      <c r="N76" s="101"/>
      <c r="O76" s="101"/>
      <c r="P76" s="101"/>
      <c r="Q76" s="101"/>
      <c r="R76" s="101"/>
      <c r="S76" s="101"/>
      <c r="T76" s="101"/>
      <c r="U76" s="101"/>
      <c r="V76" s="101"/>
      <c r="W76" s="101"/>
    </row>
    <row r="77" spans="1:23">
      <c r="A77" s="23"/>
      <c r="B77" s="23"/>
      <c r="C77" s="101"/>
      <c r="D77" s="101"/>
      <c r="E77" s="101"/>
      <c r="F77" s="101"/>
      <c r="G77" s="101"/>
      <c r="H77" s="101"/>
      <c r="I77" s="101"/>
      <c r="J77" s="101"/>
      <c r="K77" s="101"/>
      <c r="L77" s="101"/>
      <c r="M77" s="101"/>
      <c r="N77" s="101"/>
      <c r="O77" s="101"/>
      <c r="P77" s="101"/>
      <c r="Q77" s="101"/>
      <c r="R77" s="101"/>
      <c r="S77" s="101"/>
      <c r="T77" s="101"/>
      <c r="U77" s="101"/>
      <c r="V77" s="101"/>
      <c r="W77" s="101"/>
    </row>
    <row r="78" spans="1:23">
      <c r="A78" s="23"/>
      <c r="B78" s="23"/>
      <c r="C78" s="101"/>
      <c r="D78" s="101"/>
      <c r="E78" s="101"/>
      <c r="F78" s="101"/>
      <c r="G78" s="101"/>
      <c r="H78" s="101"/>
      <c r="I78" s="101"/>
      <c r="J78" s="101"/>
      <c r="K78" s="101"/>
      <c r="L78" s="101"/>
      <c r="M78" s="101"/>
      <c r="N78" s="101"/>
      <c r="O78" s="101"/>
      <c r="P78" s="101"/>
      <c r="Q78" s="101"/>
      <c r="R78" s="101"/>
      <c r="S78" s="101"/>
      <c r="T78" s="101"/>
      <c r="U78" s="101"/>
      <c r="V78" s="101"/>
      <c r="W78" s="101"/>
    </row>
    <row r="79" spans="1:23">
      <c r="A79" s="23"/>
      <c r="B79" s="23"/>
      <c r="C79" s="101"/>
      <c r="D79" s="101"/>
      <c r="E79" s="101"/>
      <c r="F79" s="101"/>
      <c r="G79" s="101"/>
      <c r="H79" s="101"/>
      <c r="I79" s="101"/>
      <c r="J79" s="101"/>
      <c r="K79" s="101"/>
      <c r="L79" s="101"/>
      <c r="M79" s="101"/>
      <c r="N79" s="101"/>
      <c r="O79" s="101"/>
      <c r="P79" s="101"/>
      <c r="Q79" s="101"/>
      <c r="R79" s="101"/>
      <c r="S79" s="101"/>
      <c r="T79" s="101"/>
      <c r="U79" s="101"/>
      <c r="V79" s="101"/>
      <c r="W79" s="101"/>
    </row>
    <row r="80" spans="1:23">
      <c r="A80" s="23"/>
      <c r="B80" s="23"/>
      <c r="C80" s="101"/>
      <c r="D80" s="101"/>
      <c r="E80" s="101"/>
      <c r="F80" s="101"/>
      <c r="G80" s="101"/>
      <c r="H80" s="101"/>
      <c r="I80" s="101"/>
      <c r="J80" s="101"/>
      <c r="K80" s="101"/>
      <c r="L80" s="101"/>
      <c r="M80" s="101"/>
      <c r="N80" s="101"/>
      <c r="O80" s="101"/>
      <c r="P80" s="101"/>
      <c r="Q80" s="101"/>
      <c r="R80" s="101"/>
      <c r="S80" s="101"/>
      <c r="T80" s="101"/>
      <c r="U80" s="101"/>
      <c r="V80" s="101"/>
      <c r="W80" s="101"/>
    </row>
    <row r="81" spans="1:23">
      <c r="A81" s="23"/>
      <c r="B81" s="23"/>
      <c r="C81" s="101"/>
      <c r="D81" s="101"/>
      <c r="E81" s="101"/>
      <c r="F81" s="101"/>
      <c r="G81" s="101"/>
      <c r="H81" s="101"/>
      <c r="I81" s="101"/>
      <c r="J81" s="101"/>
      <c r="K81" s="101"/>
      <c r="L81" s="101"/>
      <c r="M81" s="101"/>
      <c r="N81" s="101"/>
      <c r="O81" s="101"/>
      <c r="P81" s="101"/>
      <c r="Q81" s="101"/>
      <c r="R81" s="101"/>
      <c r="S81" s="101"/>
      <c r="T81" s="101"/>
      <c r="U81" s="101"/>
      <c r="V81" s="101"/>
      <c r="W81" s="101"/>
    </row>
    <row r="82" spans="1:23">
      <c r="A82" s="23"/>
      <c r="B82" s="23"/>
      <c r="C82" s="101"/>
      <c r="D82" s="101"/>
      <c r="E82" s="101"/>
      <c r="F82" s="101"/>
      <c r="G82" s="101"/>
      <c r="H82" s="101"/>
      <c r="I82" s="101"/>
      <c r="J82" s="101"/>
      <c r="K82" s="101"/>
      <c r="L82" s="101"/>
      <c r="M82" s="101"/>
      <c r="N82" s="101"/>
      <c r="O82" s="101"/>
      <c r="P82" s="101"/>
      <c r="Q82" s="101"/>
      <c r="R82" s="101"/>
      <c r="S82" s="101"/>
      <c r="T82" s="101"/>
      <c r="U82" s="101"/>
      <c r="V82" s="101"/>
      <c r="W82" s="101"/>
    </row>
    <row r="83" spans="1:23">
      <c r="A83" s="23"/>
      <c r="B83" s="23"/>
      <c r="C83" s="101"/>
      <c r="D83" s="101"/>
      <c r="E83" s="101"/>
      <c r="F83" s="101"/>
      <c r="G83" s="101"/>
      <c r="H83" s="101"/>
      <c r="I83" s="101"/>
      <c r="J83" s="101"/>
      <c r="K83" s="101"/>
      <c r="L83" s="101"/>
      <c r="M83" s="101"/>
      <c r="N83" s="101"/>
      <c r="O83" s="101"/>
      <c r="P83" s="101"/>
      <c r="Q83" s="101"/>
      <c r="R83" s="101"/>
      <c r="S83" s="101"/>
      <c r="T83" s="101"/>
      <c r="U83" s="101"/>
      <c r="V83" s="101"/>
      <c r="W83" s="101"/>
    </row>
    <row r="84" spans="1:23" ht="12.75">
      <c r="K84" s="119" t="s">
        <v>127</v>
      </c>
    </row>
    <row r="85" spans="1:23" ht="12.75">
      <c r="K85" s="102"/>
    </row>
    <row r="86" spans="1:23" ht="12.75">
      <c r="K86" s="102"/>
    </row>
    <row r="87" spans="1:23" ht="12.75">
      <c r="K87" s="102"/>
    </row>
    <row r="88" spans="1:23" ht="18">
      <c r="A88" s="93" t="s">
        <v>106</v>
      </c>
    </row>
    <row r="89" spans="1:23" ht="18">
      <c r="A89" s="93" t="s">
        <v>107</v>
      </c>
    </row>
    <row r="90" spans="1:23" ht="18">
      <c r="A90" s="93" t="s">
        <v>103</v>
      </c>
      <c r="B90" s="1"/>
      <c r="C90" s="95">
        <v>0.1</v>
      </c>
    </row>
    <row r="91" spans="1:23">
      <c r="A91" s="5" t="s">
        <v>1</v>
      </c>
      <c r="B91" s="6" t="s">
        <v>2</v>
      </c>
      <c r="C91" s="6" t="s">
        <v>3</v>
      </c>
      <c r="D91" s="6" t="s">
        <v>4</v>
      </c>
      <c r="E91" s="6" t="s">
        <v>5</v>
      </c>
      <c r="F91" s="6" t="s">
        <v>6</v>
      </c>
      <c r="G91" s="6" t="s">
        <v>7</v>
      </c>
      <c r="H91" s="6" t="s">
        <v>8</v>
      </c>
      <c r="I91" s="6" t="s">
        <v>9</v>
      </c>
      <c r="J91" s="6" t="s">
        <v>10</v>
      </c>
      <c r="K91" s="6" t="s">
        <v>11</v>
      </c>
      <c r="L91" s="6" t="s">
        <v>12</v>
      </c>
      <c r="M91" s="6" t="s">
        <v>13</v>
      </c>
      <c r="N91" s="6" t="s">
        <v>14</v>
      </c>
      <c r="O91" s="6" t="s">
        <v>15</v>
      </c>
      <c r="P91" s="6" t="s">
        <v>16</v>
      </c>
      <c r="Q91" s="6" t="s">
        <v>17</v>
      </c>
      <c r="R91" s="6" t="s">
        <v>18</v>
      </c>
      <c r="S91" s="6" t="s">
        <v>19</v>
      </c>
      <c r="T91" s="6" t="s">
        <v>20</v>
      </c>
      <c r="U91" s="6" t="s">
        <v>21</v>
      </c>
      <c r="V91" s="6" t="s">
        <v>22</v>
      </c>
      <c r="W91" s="6" t="s">
        <v>23</v>
      </c>
    </row>
    <row r="92" spans="1:23" s="10" customFormat="1">
      <c r="A92" s="7" t="s">
        <v>24</v>
      </c>
      <c r="B92" s="8">
        <v>1</v>
      </c>
      <c r="C92" s="9"/>
      <c r="D92" s="9"/>
      <c r="E92" s="9"/>
      <c r="F92" s="9"/>
      <c r="G92" s="9"/>
      <c r="H92" s="9"/>
      <c r="I92" s="9"/>
      <c r="J92" s="9"/>
      <c r="K92" s="9"/>
      <c r="L92" s="9"/>
      <c r="M92" s="9"/>
      <c r="N92" s="9"/>
      <c r="O92" s="9"/>
      <c r="P92" s="9"/>
      <c r="Q92" s="9"/>
      <c r="R92" s="9"/>
      <c r="S92" s="9"/>
      <c r="T92" s="9"/>
      <c r="U92" s="9"/>
      <c r="V92" s="9"/>
      <c r="W92" s="9"/>
    </row>
    <row r="93" spans="1:23" s="10" customFormat="1">
      <c r="A93" s="10" t="s">
        <v>25</v>
      </c>
      <c r="B93" s="11">
        <v>0.77500000000000002</v>
      </c>
      <c r="C93" s="9"/>
      <c r="D93" s="9">
        <v>0</v>
      </c>
      <c r="E93" s="9">
        <v>0</v>
      </c>
      <c r="F93" s="9">
        <v>0</v>
      </c>
      <c r="G93" s="9">
        <v>0</v>
      </c>
      <c r="H93" s="9">
        <v>0</v>
      </c>
      <c r="I93" s="9">
        <v>0</v>
      </c>
      <c r="J93" s="9">
        <v>0</v>
      </c>
      <c r="K93" s="9">
        <v>0</v>
      </c>
      <c r="L93" s="9">
        <v>0</v>
      </c>
      <c r="M93" s="9">
        <v>0</v>
      </c>
      <c r="N93" s="9">
        <v>0</v>
      </c>
      <c r="O93" s="9">
        <v>0</v>
      </c>
      <c r="P93" s="9">
        <v>0</v>
      </c>
      <c r="Q93" s="9">
        <v>0</v>
      </c>
      <c r="R93" s="9">
        <v>0</v>
      </c>
      <c r="S93" s="9">
        <v>0</v>
      </c>
      <c r="T93" s="9">
        <v>0</v>
      </c>
      <c r="U93" s="9">
        <v>0</v>
      </c>
      <c r="V93" s="9">
        <v>0</v>
      </c>
      <c r="W93" s="9">
        <v>1</v>
      </c>
    </row>
    <row r="94" spans="1:23" s="10" customFormat="1">
      <c r="A94" s="10" t="s">
        <v>26</v>
      </c>
      <c r="B94" s="11">
        <v>0.58209999999999995</v>
      </c>
      <c r="C94" s="9"/>
      <c r="D94" s="9">
        <v>0</v>
      </c>
      <c r="E94" s="9">
        <v>0</v>
      </c>
      <c r="F94" s="9">
        <v>0</v>
      </c>
      <c r="G94" s="9">
        <v>0</v>
      </c>
      <c r="H94" s="9">
        <v>0</v>
      </c>
      <c r="I94" s="9">
        <v>0</v>
      </c>
      <c r="J94" s="9">
        <v>0</v>
      </c>
      <c r="K94" s="9">
        <v>0</v>
      </c>
      <c r="L94" s="9">
        <v>0</v>
      </c>
      <c r="M94" s="9">
        <v>0</v>
      </c>
      <c r="N94" s="9">
        <v>0</v>
      </c>
      <c r="O94" s="9">
        <v>0</v>
      </c>
      <c r="P94" s="9">
        <v>0</v>
      </c>
      <c r="Q94" s="9">
        <v>0</v>
      </c>
      <c r="R94" s="9">
        <v>0</v>
      </c>
      <c r="S94" s="9">
        <v>0</v>
      </c>
      <c r="T94" s="9">
        <v>0</v>
      </c>
      <c r="U94" s="9">
        <v>0</v>
      </c>
      <c r="V94" s="9">
        <v>0</v>
      </c>
      <c r="W94" s="9">
        <v>1</v>
      </c>
    </row>
    <row r="95" spans="1:23" s="10" customFormat="1">
      <c r="A95" s="12" t="s">
        <v>27</v>
      </c>
      <c r="B95" s="11">
        <v>0.4214</v>
      </c>
      <c r="C95" s="9"/>
      <c r="D95" s="9">
        <v>0</v>
      </c>
      <c r="E95" s="9">
        <v>0</v>
      </c>
      <c r="F95" s="9">
        <v>0</v>
      </c>
      <c r="G95" s="9">
        <v>0</v>
      </c>
      <c r="H95" s="9">
        <v>0</v>
      </c>
      <c r="I95" s="9">
        <v>0</v>
      </c>
      <c r="J95" s="9">
        <v>0</v>
      </c>
      <c r="K95" s="9">
        <v>0</v>
      </c>
      <c r="L95" s="9">
        <v>0</v>
      </c>
      <c r="M95" s="9">
        <v>0</v>
      </c>
      <c r="N95" s="9">
        <v>0</v>
      </c>
      <c r="O95" s="9">
        <v>0</v>
      </c>
      <c r="P95" s="9">
        <v>0</v>
      </c>
      <c r="Q95" s="9">
        <v>0</v>
      </c>
      <c r="R95" s="9">
        <v>0</v>
      </c>
      <c r="S95" s="9">
        <v>0</v>
      </c>
      <c r="T95" s="9">
        <v>0</v>
      </c>
      <c r="U95" s="9">
        <v>0</v>
      </c>
      <c r="V95" s="9">
        <v>0</v>
      </c>
      <c r="W95" s="9">
        <v>1</v>
      </c>
    </row>
    <row r="96" spans="1:23" s="10" customFormat="1">
      <c r="A96" s="10" t="s">
        <v>28</v>
      </c>
      <c r="B96" s="11">
        <v>0.2928</v>
      </c>
      <c r="C96" s="9"/>
      <c r="D96" s="9">
        <v>0</v>
      </c>
      <c r="E96" s="9">
        <v>0</v>
      </c>
      <c r="F96" s="9">
        <v>0</v>
      </c>
      <c r="G96" s="9">
        <v>0</v>
      </c>
      <c r="H96" s="9">
        <v>0</v>
      </c>
      <c r="I96" s="9">
        <v>0</v>
      </c>
      <c r="J96" s="9">
        <v>0</v>
      </c>
      <c r="K96" s="9">
        <v>0</v>
      </c>
      <c r="L96" s="9">
        <v>0</v>
      </c>
      <c r="M96" s="9">
        <v>0</v>
      </c>
      <c r="N96" s="9">
        <v>0</v>
      </c>
      <c r="O96" s="9">
        <v>0</v>
      </c>
      <c r="P96" s="9">
        <v>0</v>
      </c>
      <c r="Q96" s="9">
        <v>0</v>
      </c>
      <c r="R96" s="9">
        <v>0</v>
      </c>
      <c r="S96" s="9">
        <v>0</v>
      </c>
      <c r="T96" s="9">
        <v>0</v>
      </c>
      <c r="U96" s="9">
        <v>0</v>
      </c>
      <c r="V96" s="9">
        <v>0</v>
      </c>
      <c r="W96" s="9">
        <v>1</v>
      </c>
    </row>
    <row r="97" spans="1:23" s="10" customFormat="1">
      <c r="A97" s="10" t="s">
        <v>29</v>
      </c>
      <c r="B97" s="11">
        <v>0.19639999999999999</v>
      </c>
      <c r="C97" s="9"/>
      <c r="D97" s="9">
        <v>0</v>
      </c>
      <c r="E97" s="9">
        <v>0</v>
      </c>
      <c r="F97" s="9">
        <v>0</v>
      </c>
      <c r="G97" s="9">
        <v>0</v>
      </c>
      <c r="H97" s="9">
        <v>0</v>
      </c>
      <c r="I97" s="9">
        <v>0</v>
      </c>
      <c r="J97" s="9">
        <v>0</v>
      </c>
      <c r="K97" s="9">
        <v>0</v>
      </c>
      <c r="L97" s="9">
        <v>0</v>
      </c>
      <c r="M97" s="9">
        <v>0</v>
      </c>
      <c r="N97" s="9">
        <v>0</v>
      </c>
      <c r="O97" s="9">
        <v>0</v>
      </c>
      <c r="P97" s="9">
        <v>0</v>
      </c>
      <c r="Q97" s="9">
        <v>0</v>
      </c>
      <c r="R97" s="9">
        <v>0</v>
      </c>
      <c r="S97" s="9">
        <v>0</v>
      </c>
      <c r="T97" s="9">
        <v>0</v>
      </c>
      <c r="U97" s="9">
        <v>0</v>
      </c>
      <c r="V97" s="9">
        <v>0</v>
      </c>
      <c r="W97" s="9">
        <v>1</v>
      </c>
    </row>
    <row r="98" spans="1:23" s="10" customFormat="1">
      <c r="A98" s="10" t="s">
        <v>30</v>
      </c>
      <c r="B98" s="11">
        <v>0.1321</v>
      </c>
      <c r="C98" s="9"/>
      <c r="D98" s="9">
        <v>0</v>
      </c>
      <c r="E98" s="9">
        <v>0</v>
      </c>
      <c r="F98" s="9">
        <v>0</v>
      </c>
      <c r="G98" s="9">
        <v>0</v>
      </c>
      <c r="H98" s="9">
        <v>0</v>
      </c>
      <c r="I98" s="9">
        <v>0</v>
      </c>
      <c r="J98" s="9">
        <v>0</v>
      </c>
      <c r="K98" s="9">
        <v>0</v>
      </c>
      <c r="L98" s="9">
        <v>0</v>
      </c>
      <c r="M98" s="9">
        <v>0</v>
      </c>
      <c r="N98" s="9">
        <v>0</v>
      </c>
      <c r="O98" s="9">
        <v>0</v>
      </c>
      <c r="P98" s="9">
        <v>0</v>
      </c>
      <c r="Q98" s="9">
        <v>0</v>
      </c>
      <c r="R98" s="9">
        <v>0</v>
      </c>
      <c r="S98" s="9">
        <v>0</v>
      </c>
      <c r="T98" s="9">
        <v>0</v>
      </c>
      <c r="U98" s="9">
        <v>0</v>
      </c>
      <c r="V98" s="9">
        <v>0</v>
      </c>
      <c r="W98" s="9">
        <v>1</v>
      </c>
    </row>
    <row r="99" spans="1:23" s="10" customFormat="1">
      <c r="A99" s="10" t="s">
        <v>31</v>
      </c>
      <c r="B99" s="11">
        <v>0.1</v>
      </c>
      <c r="C99" s="9"/>
      <c r="D99" s="9">
        <v>1</v>
      </c>
      <c r="E99" s="9">
        <v>1</v>
      </c>
      <c r="F99" s="9">
        <v>1</v>
      </c>
      <c r="G99" s="9">
        <v>1</v>
      </c>
      <c r="H99" s="9">
        <v>1</v>
      </c>
      <c r="I99" s="9">
        <v>1</v>
      </c>
      <c r="J99" s="9">
        <v>1</v>
      </c>
      <c r="K99" s="9">
        <v>1</v>
      </c>
      <c r="L99" s="9">
        <v>1</v>
      </c>
      <c r="M99" s="9">
        <v>1</v>
      </c>
      <c r="N99" s="9">
        <v>1</v>
      </c>
      <c r="O99" s="9">
        <v>1</v>
      </c>
      <c r="P99" s="9">
        <v>1</v>
      </c>
      <c r="Q99" s="9">
        <v>1</v>
      </c>
      <c r="R99" s="9">
        <v>1</v>
      </c>
      <c r="S99" s="9">
        <v>1</v>
      </c>
      <c r="T99" s="9">
        <v>1</v>
      </c>
      <c r="U99" s="9">
        <v>1</v>
      </c>
      <c r="V99" s="9">
        <v>1</v>
      </c>
      <c r="W99" s="9">
        <v>2</v>
      </c>
    </row>
    <row r="100" spans="1:23" s="10" customFormat="1">
      <c r="A100" s="10" t="s">
        <v>32</v>
      </c>
      <c r="B100" s="11">
        <v>0.1</v>
      </c>
      <c r="C100" s="9"/>
      <c r="D100" s="9">
        <v>0</v>
      </c>
      <c r="E100" s="9">
        <v>0</v>
      </c>
      <c r="F100" s="9">
        <v>0</v>
      </c>
      <c r="G100" s="9">
        <v>0</v>
      </c>
      <c r="H100" s="9">
        <v>0</v>
      </c>
      <c r="I100" s="9">
        <v>0</v>
      </c>
      <c r="J100" s="9">
        <v>0</v>
      </c>
      <c r="K100" s="9">
        <v>0</v>
      </c>
      <c r="L100" s="9">
        <v>0</v>
      </c>
      <c r="M100" s="9">
        <v>0</v>
      </c>
      <c r="N100" s="9">
        <v>0</v>
      </c>
      <c r="O100" s="9">
        <v>0</v>
      </c>
      <c r="P100" s="9">
        <v>0</v>
      </c>
      <c r="Q100" s="9">
        <v>0</v>
      </c>
      <c r="R100" s="9">
        <v>0</v>
      </c>
      <c r="S100" s="9">
        <v>0</v>
      </c>
      <c r="T100" s="9">
        <v>0</v>
      </c>
      <c r="U100" s="9">
        <v>0</v>
      </c>
      <c r="V100" s="9">
        <v>0</v>
      </c>
      <c r="W100" s="9">
        <v>0</v>
      </c>
    </row>
    <row r="101" spans="1:23" s="10" customFormat="1">
      <c r="A101" s="10" t="s">
        <v>33</v>
      </c>
      <c r="B101" s="11">
        <v>0.1</v>
      </c>
      <c r="C101" s="9"/>
      <c r="D101" s="9">
        <v>0</v>
      </c>
      <c r="E101" s="9">
        <v>0</v>
      </c>
      <c r="F101" s="9">
        <v>0</v>
      </c>
      <c r="G101" s="9">
        <v>0</v>
      </c>
      <c r="H101" s="9">
        <v>0</v>
      </c>
      <c r="I101" s="9">
        <v>0</v>
      </c>
      <c r="J101" s="9">
        <v>0</v>
      </c>
      <c r="K101" s="9">
        <v>0</v>
      </c>
      <c r="L101" s="9">
        <v>0</v>
      </c>
      <c r="M101" s="9">
        <v>0</v>
      </c>
      <c r="N101" s="9">
        <v>0</v>
      </c>
      <c r="O101" s="9">
        <v>0</v>
      </c>
      <c r="P101" s="9">
        <v>0</v>
      </c>
      <c r="Q101" s="9">
        <v>0</v>
      </c>
      <c r="R101" s="9">
        <v>0</v>
      </c>
      <c r="S101" s="9">
        <v>0</v>
      </c>
      <c r="T101" s="9">
        <v>0</v>
      </c>
      <c r="U101" s="9">
        <v>0</v>
      </c>
      <c r="V101" s="9">
        <v>0</v>
      </c>
      <c r="W101" s="9">
        <v>0</v>
      </c>
    </row>
    <row r="102" spans="1:23" s="10" customFormat="1">
      <c r="A102" s="13" t="s">
        <v>34</v>
      </c>
      <c r="B102" s="13"/>
      <c r="C102" s="14"/>
      <c r="D102" s="14">
        <v>0</v>
      </c>
      <c r="E102" s="14">
        <v>0</v>
      </c>
      <c r="F102" s="14">
        <v>0</v>
      </c>
      <c r="G102" s="14">
        <v>0</v>
      </c>
      <c r="H102" s="14">
        <v>0</v>
      </c>
      <c r="I102" s="14">
        <v>0</v>
      </c>
      <c r="J102" s="14">
        <v>0</v>
      </c>
      <c r="K102" s="14">
        <v>0</v>
      </c>
      <c r="L102" s="14">
        <v>0</v>
      </c>
      <c r="M102" s="14">
        <v>0</v>
      </c>
      <c r="N102" s="14">
        <v>0</v>
      </c>
      <c r="O102" s="14">
        <v>0</v>
      </c>
      <c r="P102" s="14">
        <v>0</v>
      </c>
      <c r="Q102" s="14">
        <v>0</v>
      </c>
      <c r="R102" s="14">
        <v>0</v>
      </c>
      <c r="S102" s="14">
        <v>0</v>
      </c>
      <c r="T102" s="14">
        <v>0</v>
      </c>
      <c r="U102" s="14">
        <v>0</v>
      </c>
      <c r="V102" s="14">
        <v>0</v>
      </c>
      <c r="W102" s="14">
        <v>0</v>
      </c>
    </row>
    <row r="103" spans="1:23" s="10" customFormat="1">
      <c r="A103" s="15" t="s">
        <v>35</v>
      </c>
      <c r="B103" s="15"/>
      <c r="C103" s="16"/>
      <c r="D103" s="16">
        <v>1</v>
      </c>
      <c r="E103" s="16">
        <v>1</v>
      </c>
      <c r="F103" s="16">
        <v>1</v>
      </c>
      <c r="G103" s="16">
        <v>1</v>
      </c>
      <c r="H103" s="16">
        <v>1</v>
      </c>
      <c r="I103" s="16">
        <v>1</v>
      </c>
      <c r="J103" s="16">
        <v>1</v>
      </c>
      <c r="K103" s="16">
        <v>1</v>
      </c>
      <c r="L103" s="16">
        <v>1</v>
      </c>
      <c r="M103" s="16">
        <v>1</v>
      </c>
      <c r="N103" s="16">
        <v>1</v>
      </c>
      <c r="O103" s="16">
        <v>1</v>
      </c>
      <c r="P103" s="16">
        <v>1</v>
      </c>
      <c r="Q103" s="16">
        <v>1</v>
      </c>
      <c r="R103" s="16">
        <v>1</v>
      </c>
      <c r="S103" s="16">
        <v>1</v>
      </c>
      <c r="T103" s="16">
        <v>1</v>
      </c>
      <c r="U103" s="16">
        <v>1</v>
      </c>
      <c r="V103" s="16">
        <v>1</v>
      </c>
      <c r="W103" s="16">
        <v>8</v>
      </c>
    </row>
    <row r="104" spans="1:23" s="10" customFormat="1">
      <c r="A104" s="103"/>
      <c r="B104" s="103"/>
      <c r="C104" s="104"/>
      <c r="D104" s="104"/>
      <c r="E104" s="104"/>
      <c r="F104" s="104"/>
      <c r="G104" s="104"/>
      <c r="H104" s="104"/>
      <c r="I104" s="104"/>
      <c r="J104" s="104"/>
      <c r="K104" s="104"/>
      <c r="L104" s="104"/>
      <c r="M104" s="104"/>
      <c r="N104" s="104"/>
      <c r="O104" s="104"/>
      <c r="P104" s="104"/>
      <c r="Q104" s="104"/>
      <c r="R104" s="104"/>
      <c r="S104" s="104"/>
      <c r="T104" s="104"/>
      <c r="U104" s="104"/>
      <c r="V104" s="104"/>
      <c r="W104" s="104"/>
    </row>
    <row r="106" spans="1:23" ht="18">
      <c r="A106" s="93" t="s">
        <v>104</v>
      </c>
    </row>
    <row r="107" spans="1:23" ht="15.75">
      <c r="A107" s="94" t="s">
        <v>103</v>
      </c>
      <c r="B107" s="1"/>
      <c r="C107" s="95">
        <v>0.05</v>
      </c>
    </row>
    <row r="108" spans="1:23">
      <c r="A108" s="5" t="s">
        <v>1</v>
      </c>
      <c r="B108" s="6"/>
      <c r="C108" s="6" t="s">
        <v>3</v>
      </c>
      <c r="D108" s="6" t="s">
        <v>4</v>
      </c>
      <c r="E108" s="6" t="s">
        <v>5</v>
      </c>
      <c r="F108" s="6" t="s">
        <v>6</v>
      </c>
      <c r="G108" s="6" t="s">
        <v>7</v>
      </c>
      <c r="H108" s="6" t="s">
        <v>8</v>
      </c>
      <c r="I108" s="6" t="s">
        <v>9</v>
      </c>
      <c r="J108" s="6" t="s">
        <v>10</v>
      </c>
      <c r="K108" s="6" t="s">
        <v>11</v>
      </c>
      <c r="L108" s="6" t="s">
        <v>12</v>
      </c>
      <c r="M108" s="6" t="s">
        <v>13</v>
      </c>
      <c r="N108" s="6" t="s">
        <v>14</v>
      </c>
      <c r="O108" s="6" t="s">
        <v>15</v>
      </c>
      <c r="P108" s="6" t="s">
        <v>16</v>
      </c>
      <c r="Q108" s="6" t="s">
        <v>17</v>
      </c>
      <c r="R108" s="6" t="s">
        <v>18</v>
      </c>
      <c r="S108" s="6" t="s">
        <v>19</v>
      </c>
      <c r="T108" s="6" t="s">
        <v>20</v>
      </c>
      <c r="U108" s="6" t="s">
        <v>21</v>
      </c>
      <c r="V108" s="6" t="s">
        <v>22</v>
      </c>
      <c r="W108" s="6" t="s">
        <v>23</v>
      </c>
    </row>
    <row r="109" spans="1:23" s="10" customFormat="1">
      <c r="A109" s="7" t="s">
        <v>24</v>
      </c>
      <c r="B109" s="8">
        <v>1</v>
      </c>
      <c r="C109" s="9"/>
      <c r="D109" s="9"/>
      <c r="E109" s="9"/>
      <c r="F109" s="9"/>
      <c r="G109" s="9"/>
      <c r="H109" s="9"/>
      <c r="I109" s="9"/>
      <c r="J109" s="9"/>
      <c r="K109" s="9"/>
      <c r="L109" s="9"/>
      <c r="M109" s="9"/>
      <c r="N109" s="9"/>
      <c r="O109" s="9"/>
      <c r="P109" s="9"/>
      <c r="Q109" s="9"/>
      <c r="R109" s="9"/>
      <c r="S109" s="9"/>
      <c r="T109" s="9"/>
      <c r="U109" s="9"/>
      <c r="V109" s="9"/>
      <c r="W109" s="9"/>
    </row>
    <row r="110" spans="1:23" s="10" customFormat="1">
      <c r="A110" s="10" t="s">
        <v>25</v>
      </c>
      <c r="B110" s="11">
        <v>0.82730000000000004</v>
      </c>
      <c r="C110" s="9"/>
      <c r="D110" s="9">
        <v>0</v>
      </c>
      <c r="E110" s="9">
        <v>0</v>
      </c>
      <c r="F110" s="9">
        <v>0</v>
      </c>
      <c r="G110" s="9">
        <v>0</v>
      </c>
      <c r="H110" s="9">
        <v>0</v>
      </c>
      <c r="I110" s="9">
        <v>0</v>
      </c>
      <c r="J110" s="9">
        <v>0</v>
      </c>
      <c r="K110" s="9">
        <v>0</v>
      </c>
      <c r="L110" s="9">
        <v>0</v>
      </c>
      <c r="M110" s="9">
        <v>0</v>
      </c>
      <c r="N110" s="9">
        <v>0</v>
      </c>
      <c r="O110" s="9">
        <v>0</v>
      </c>
      <c r="P110" s="9">
        <v>0</v>
      </c>
      <c r="Q110" s="9">
        <v>0</v>
      </c>
      <c r="R110" s="9">
        <v>0</v>
      </c>
      <c r="S110" s="9">
        <v>0</v>
      </c>
      <c r="T110" s="9">
        <v>0</v>
      </c>
      <c r="U110" s="9">
        <v>0</v>
      </c>
      <c r="V110" s="9">
        <v>0</v>
      </c>
      <c r="W110" s="9">
        <v>1</v>
      </c>
    </row>
    <row r="111" spans="1:23" s="10" customFormat="1">
      <c r="A111" s="10" t="s">
        <v>26</v>
      </c>
      <c r="B111" s="11">
        <v>0.67179999999999995</v>
      </c>
      <c r="C111" s="9"/>
      <c r="D111" s="9">
        <v>0</v>
      </c>
      <c r="E111" s="9">
        <v>0</v>
      </c>
      <c r="F111" s="9">
        <v>0</v>
      </c>
      <c r="G111" s="9">
        <v>0</v>
      </c>
      <c r="H111" s="9">
        <v>0</v>
      </c>
      <c r="I111" s="9">
        <v>0</v>
      </c>
      <c r="J111" s="9">
        <v>0</v>
      </c>
      <c r="K111" s="9">
        <v>0</v>
      </c>
      <c r="L111" s="9">
        <v>0</v>
      </c>
      <c r="M111" s="9">
        <v>0</v>
      </c>
      <c r="N111" s="9">
        <v>0</v>
      </c>
      <c r="O111" s="9">
        <v>0</v>
      </c>
      <c r="P111" s="9">
        <v>0</v>
      </c>
      <c r="Q111" s="9">
        <v>0</v>
      </c>
      <c r="R111" s="9">
        <v>0</v>
      </c>
      <c r="S111" s="9">
        <v>0</v>
      </c>
      <c r="T111" s="9">
        <v>0</v>
      </c>
      <c r="U111" s="9">
        <v>0</v>
      </c>
      <c r="V111" s="9">
        <v>0</v>
      </c>
      <c r="W111" s="9">
        <v>1</v>
      </c>
    </row>
    <row r="112" spans="1:23" s="10" customFormat="1">
      <c r="A112" s="12" t="s">
        <v>27</v>
      </c>
      <c r="B112" s="11">
        <v>0.53359999999999996</v>
      </c>
      <c r="C112" s="9"/>
      <c r="D112" s="9">
        <v>0</v>
      </c>
      <c r="E112" s="9">
        <v>0</v>
      </c>
      <c r="F112" s="9">
        <v>0</v>
      </c>
      <c r="G112" s="9">
        <v>0</v>
      </c>
      <c r="H112" s="9">
        <v>0</v>
      </c>
      <c r="I112" s="9">
        <v>0</v>
      </c>
      <c r="J112" s="9">
        <v>0</v>
      </c>
      <c r="K112" s="9">
        <v>0</v>
      </c>
      <c r="L112" s="9">
        <v>0</v>
      </c>
      <c r="M112" s="9">
        <v>0</v>
      </c>
      <c r="N112" s="9">
        <v>0</v>
      </c>
      <c r="O112" s="9">
        <v>0</v>
      </c>
      <c r="P112" s="9">
        <v>0</v>
      </c>
      <c r="Q112" s="9">
        <v>0</v>
      </c>
      <c r="R112" s="9">
        <v>0</v>
      </c>
      <c r="S112" s="9">
        <v>0</v>
      </c>
      <c r="T112" s="9">
        <v>0</v>
      </c>
      <c r="U112" s="9">
        <v>0</v>
      </c>
      <c r="V112" s="9">
        <v>0</v>
      </c>
      <c r="W112" s="9">
        <v>1</v>
      </c>
    </row>
    <row r="113" spans="1:23" s="10" customFormat="1">
      <c r="A113" s="10" t="s">
        <v>28</v>
      </c>
      <c r="B113" s="11">
        <v>0.41270000000000001</v>
      </c>
      <c r="C113" s="9"/>
      <c r="D113" s="9">
        <v>0</v>
      </c>
      <c r="E113" s="9">
        <v>0</v>
      </c>
      <c r="F113" s="9">
        <v>0</v>
      </c>
      <c r="G113" s="9">
        <v>0</v>
      </c>
      <c r="H113" s="9">
        <v>0</v>
      </c>
      <c r="I113" s="9">
        <v>0</v>
      </c>
      <c r="J113" s="9">
        <v>0</v>
      </c>
      <c r="K113" s="9">
        <v>0</v>
      </c>
      <c r="L113" s="9">
        <v>0</v>
      </c>
      <c r="M113" s="9">
        <v>0</v>
      </c>
      <c r="N113" s="9">
        <v>0</v>
      </c>
      <c r="O113" s="9">
        <v>0</v>
      </c>
      <c r="P113" s="9">
        <v>0</v>
      </c>
      <c r="Q113" s="9">
        <v>0</v>
      </c>
      <c r="R113" s="9">
        <v>0</v>
      </c>
      <c r="S113" s="9">
        <v>0</v>
      </c>
      <c r="T113" s="9">
        <v>0</v>
      </c>
      <c r="U113" s="9">
        <v>0</v>
      </c>
      <c r="V113" s="9">
        <v>0</v>
      </c>
      <c r="W113" s="9">
        <v>1</v>
      </c>
    </row>
    <row r="114" spans="1:23" s="10" customFormat="1">
      <c r="A114" s="10" t="s">
        <v>29</v>
      </c>
      <c r="B114" s="11">
        <v>0.30909999999999999</v>
      </c>
      <c r="C114" s="9"/>
      <c r="D114" s="9">
        <v>0</v>
      </c>
      <c r="E114" s="9">
        <v>0</v>
      </c>
      <c r="F114" s="9">
        <v>0</v>
      </c>
      <c r="G114" s="9">
        <v>0</v>
      </c>
      <c r="H114" s="9">
        <v>0</v>
      </c>
      <c r="I114" s="9">
        <v>0</v>
      </c>
      <c r="J114" s="9">
        <v>0</v>
      </c>
      <c r="K114" s="9">
        <v>0</v>
      </c>
      <c r="L114" s="9">
        <v>0</v>
      </c>
      <c r="M114" s="9">
        <v>0</v>
      </c>
      <c r="N114" s="9">
        <v>0</v>
      </c>
      <c r="O114" s="9">
        <v>0</v>
      </c>
      <c r="P114" s="9">
        <v>0</v>
      </c>
      <c r="Q114" s="9">
        <v>0</v>
      </c>
      <c r="R114" s="9">
        <v>0</v>
      </c>
      <c r="S114" s="9">
        <v>0</v>
      </c>
      <c r="T114" s="9">
        <v>0</v>
      </c>
      <c r="U114" s="9">
        <v>0</v>
      </c>
      <c r="V114" s="9">
        <v>0</v>
      </c>
      <c r="W114" s="9">
        <v>1</v>
      </c>
    </row>
    <row r="115" spans="1:23" s="10" customFormat="1">
      <c r="A115" s="10" t="s">
        <v>30</v>
      </c>
      <c r="B115" s="11">
        <v>0.22270000000000001</v>
      </c>
      <c r="C115" s="9"/>
      <c r="D115" s="9">
        <v>0</v>
      </c>
      <c r="E115" s="9">
        <v>0</v>
      </c>
      <c r="F115" s="9">
        <v>0</v>
      </c>
      <c r="G115" s="9">
        <v>0</v>
      </c>
      <c r="H115" s="9">
        <v>0</v>
      </c>
      <c r="I115" s="9">
        <v>0</v>
      </c>
      <c r="J115" s="9">
        <v>0</v>
      </c>
      <c r="K115" s="9">
        <v>0</v>
      </c>
      <c r="L115" s="9">
        <v>0</v>
      </c>
      <c r="M115" s="9">
        <v>0</v>
      </c>
      <c r="N115" s="9">
        <v>0</v>
      </c>
      <c r="O115" s="9">
        <v>0</v>
      </c>
      <c r="P115" s="9">
        <v>0</v>
      </c>
      <c r="Q115" s="9">
        <v>0</v>
      </c>
      <c r="R115" s="9">
        <v>0</v>
      </c>
      <c r="S115" s="9">
        <v>0</v>
      </c>
      <c r="T115" s="9">
        <v>0</v>
      </c>
      <c r="U115" s="9">
        <v>0</v>
      </c>
      <c r="V115" s="9">
        <v>0</v>
      </c>
      <c r="W115" s="9">
        <v>1</v>
      </c>
    </row>
    <row r="116" spans="1:23" s="10" customFormat="1">
      <c r="A116" s="10" t="s">
        <v>31</v>
      </c>
      <c r="B116" s="11">
        <v>0.15359999999999999</v>
      </c>
      <c r="C116" s="9"/>
      <c r="D116" s="9">
        <v>0</v>
      </c>
      <c r="E116" s="9">
        <v>0</v>
      </c>
      <c r="F116" s="9">
        <v>0</v>
      </c>
      <c r="G116" s="9">
        <v>0</v>
      </c>
      <c r="H116" s="9">
        <v>0</v>
      </c>
      <c r="I116" s="9">
        <v>0</v>
      </c>
      <c r="J116" s="9">
        <v>0</v>
      </c>
      <c r="K116" s="9">
        <v>0</v>
      </c>
      <c r="L116" s="9">
        <v>0</v>
      </c>
      <c r="M116" s="9">
        <v>0</v>
      </c>
      <c r="N116" s="9">
        <v>0</v>
      </c>
      <c r="O116" s="9">
        <v>0</v>
      </c>
      <c r="P116" s="9">
        <v>0</v>
      </c>
      <c r="Q116" s="9">
        <v>0</v>
      </c>
      <c r="R116" s="9">
        <v>0</v>
      </c>
      <c r="S116" s="9">
        <v>0</v>
      </c>
      <c r="T116" s="9">
        <v>0</v>
      </c>
      <c r="U116" s="9">
        <v>0</v>
      </c>
      <c r="V116" s="9">
        <v>0</v>
      </c>
      <c r="W116" s="9">
        <v>1</v>
      </c>
    </row>
    <row r="117" spans="1:23" s="10" customFormat="1">
      <c r="A117" s="10" t="s">
        <v>32</v>
      </c>
      <c r="B117" s="11">
        <v>0.1018</v>
      </c>
      <c r="C117" s="9"/>
      <c r="D117" s="9">
        <v>0</v>
      </c>
      <c r="E117" s="9">
        <v>0</v>
      </c>
      <c r="F117" s="9">
        <v>0</v>
      </c>
      <c r="G117" s="9">
        <v>0</v>
      </c>
      <c r="H117" s="9">
        <v>0</v>
      </c>
      <c r="I117" s="9">
        <v>0</v>
      </c>
      <c r="J117" s="9">
        <v>0</v>
      </c>
      <c r="K117" s="9">
        <v>0</v>
      </c>
      <c r="L117" s="9">
        <v>0</v>
      </c>
      <c r="M117" s="9">
        <v>0</v>
      </c>
      <c r="N117" s="9">
        <v>0</v>
      </c>
      <c r="O117" s="9">
        <v>0</v>
      </c>
      <c r="P117" s="9">
        <v>0</v>
      </c>
      <c r="Q117" s="9">
        <v>0</v>
      </c>
      <c r="R117" s="9">
        <v>0</v>
      </c>
      <c r="S117" s="9">
        <v>0</v>
      </c>
      <c r="T117" s="9">
        <v>0</v>
      </c>
      <c r="U117" s="9">
        <v>0</v>
      </c>
      <c r="V117" s="9">
        <v>0</v>
      </c>
      <c r="W117" s="9">
        <v>1</v>
      </c>
    </row>
    <row r="118" spans="1:23" s="10" customFormat="1">
      <c r="A118" s="10" t="s">
        <v>33</v>
      </c>
      <c r="B118" s="11">
        <v>6.7299999999999999E-2</v>
      </c>
      <c r="C118" s="9"/>
      <c r="D118" s="9">
        <v>0</v>
      </c>
      <c r="E118" s="9">
        <v>0</v>
      </c>
      <c r="F118" s="9">
        <v>0</v>
      </c>
      <c r="G118" s="9">
        <v>0</v>
      </c>
      <c r="H118" s="9">
        <v>0</v>
      </c>
      <c r="I118" s="9">
        <v>0</v>
      </c>
      <c r="J118" s="9">
        <v>0</v>
      </c>
      <c r="K118" s="9">
        <v>0</v>
      </c>
      <c r="L118" s="9">
        <v>0</v>
      </c>
      <c r="M118" s="9">
        <v>0</v>
      </c>
      <c r="N118" s="9">
        <v>0</v>
      </c>
      <c r="O118" s="9">
        <v>0</v>
      </c>
      <c r="P118" s="9">
        <v>0</v>
      </c>
      <c r="Q118" s="9">
        <v>0</v>
      </c>
      <c r="R118" s="9">
        <v>0</v>
      </c>
      <c r="S118" s="9">
        <v>0</v>
      </c>
      <c r="T118" s="9">
        <v>0</v>
      </c>
      <c r="U118" s="9">
        <v>0</v>
      </c>
      <c r="V118" s="9">
        <v>0</v>
      </c>
      <c r="W118" s="9">
        <v>1</v>
      </c>
    </row>
    <row r="119" spans="1:23" s="10" customFormat="1">
      <c r="A119" s="13" t="s">
        <v>34</v>
      </c>
      <c r="B119" s="17">
        <v>0.05</v>
      </c>
      <c r="C119" s="14"/>
      <c r="D119" s="14">
        <v>1</v>
      </c>
      <c r="E119" s="14">
        <v>1</v>
      </c>
      <c r="F119" s="14">
        <v>1</v>
      </c>
      <c r="G119" s="14">
        <v>1</v>
      </c>
      <c r="H119" s="14">
        <v>1</v>
      </c>
      <c r="I119" s="14">
        <v>1</v>
      </c>
      <c r="J119" s="14">
        <v>1</v>
      </c>
      <c r="K119" s="14">
        <v>1</v>
      </c>
      <c r="L119" s="14">
        <v>1</v>
      </c>
      <c r="M119" s="14">
        <v>1</v>
      </c>
      <c r="N119" s="14">
        <v>1</v>
      </c>
      <c r="O119" s="14">
        <v>1</v>
      </c>
      <c r="P119" s="14">
        <v>1</v>
      </c>
      <c r="Q119" s="14">
        <v>1</v>
      </c>
      <c r="R119" s="14">
        <v>1</v>
      </c>
      <c r="S119" s="14">
        <v>1</v>
      </c>
      <c r="T119" s="14">
        <v>1</v>
      </c>
      <c r="U119" s="14">
        <v>1</v>
      </c>
      <c r="V119" s="14">
        <v>1</v>
      </c>
      <c r="W119" s="14">
        <v>2</v>
      </c>
    </row>
    <row r="120" spans="1:23" s="10" customFormat="1">
      <c r="A120" s="15" t="s">
        <v>35</v>
      </c>
      <c r="B120" s="15"/>
      <c r="C120" s="16">
        <v>0</v>
      </c>
      <c r="D120" s="16">
        <v>1</v>
      </c>
      <c r="E120" s="16">
        <v>1</v>
      </c>
      <c r="F120" s="16">
        <v>1</v>
      </c>
      <c r="G120" s="16">
        <v>1</v>
      </c>
      <c r="H120" s="16">
        <v>1</v>
      </c>
      <c r="I120" s="16">
        <v>1</v>
      </c>
      <c r="J120" s="16">
        <v>1</v>
      </c>
      <c r="K120" s="16">
        <v>1</v>
      </c>
      <c r="L120" s="16">
        <v>1</v>
      </c>
      <c r="M120" s="16">
        <v>1</v>
      </c>
      <c r="N120" s="16">
        <v>1</v>
      </c>
      <c r="O120" s="16">
        <v>1</v>
      </c>
      <c r="P120" s="16">
        <v>1</v>
      </c>
      <c r="Q120" s="16">
        <v>1</v>
      </c>
      <c r="R120" s="16">
        <v>1</v>
      </c>
      <c r="S120" s="16">
        <v>1</v>
      </c>
      <c r="T120" s="16">
        <v>1</v>
      </c>
      <c r="U120" s="16">
        <v>1</v>
      </c>
      <c r="V120" s="16">
        <v>1</v>
      </c>
      <c r="W120" s="16">
        <v>11</v>
      </c>
    </row>
    <row r="121" spans="1:23" s="10" customFormat="1">
      <c r="A121" s="103"/>
      <c r="B121" s="103"/>
      <c r="C121" s="104"/>
      <c r="D121" s="104"/>
      <c r="E121" s="104"/>
      <c r="F121" s="104"/>
      <c r="G121" s="104"/>
      <c r="H121" s="104"/>
      <c r="I121" s="104"/>
      <c r="J121" s="104"/>
      <c r="K121" s="104"/>
      <c r="L121" s="104"/>
      <c r="M121" s="104"/>
      <c r="N121" s="104"/>
      <c r="O121" s="104"/>
      <c r="P121" s="104"/>
      <c r="Q121" s="104"/>
      <c r="R121" s="104"/>
      <c r="S121" s="104"/>
      <c r="T121" s="104"/>
      <c r="U121" s="104"/>
      <c r="V121" s="104"/>
      <c r="W121" s="104"/>
    </row>
    <row r="122" spans="1:23">
      <c r="B122" s="18"/>
      <c r="C122" s="18"/>
    </row>
    <row r="123" spans="1:23" ht="18">
      <c r="A123" s="93" t="s">
        <v>105</v>
      </c>
    </row>
    <row r="124" spans="1:23">
      <c r="A124" s="1" t="s">
        <v>0</v>
      </c>
      <c r="B124" s="1"/>
      <c r="C124" s="3">
        <v>0.05</v>
      </c>
    </row>
    <row r="125" spans="1:23">
      <c r="A125" s="5" t="s">
        <v>1</v>
      </c>
      <c r="B125" s="6"/>
      <c r="C125" s="6" t="s">
        <v>3</v>
      </c>
      <c r="D125" s="6" t="s">
        <v>4</v>
      </c>
      <c r="E125" s="6" t="s">
        <v>5</v>
      </c>
      <c r="F125" s="6" t="s">
        <v>6</v>
      </c>
      <c r="G125" s="6" t="s">
        <v>7</v>
      </c>
      <c r="H125" s="6" t="s">
        <v>8</v>
      </c>
      <c r="I125" s="6" t="s">
        <v>9</v>
      </c>
      <c r="J125" s="6" t="s">
        <v>10</v>
      </c>
      <c r="K125" s="6" t="s">
        <v>11</v>
      </c>
      <c r="L125" s="6" t="s">
        <v>12</v>
      </c>
      <c r="M125" s="6" t="s">
        <v>13</v>
      </c>
      <c r="N125" s="6" t="s">
        <v>14</v>
      </c>
      <c r="O125" s="6" t="s">
        <v>15</v>
      </c>
      <c r="P125" s="6" t="s">
        <v>16</v>
      </c>
      <c r="Q125" s="6" t="s">
        <v>17</v>
      </c>
      <c r="R125" s="6" t="s">
        <v>18</v>
      </c>
      <c r="S125" s="6" t="s">
        <v>19</v>
      </c>
      <c r="T125" s="6" t="s">
        <v>20</v>
      </c>
      <c r="U125" s="6" t="s">
        <v>21</v>
      </c>
      <c r="V125" s="6" t="s">
        <v>22</v>
      </c>
      <c r="W125" s="6" t="s">
        <v>23</v>
      </c>
    </row>
    <row r="126" spans="1:23" s="10" customFormat="1">
      <c r="A126" s="7" t="s">
        <v>24</v>
      </c>
      <c r="B126" s="8">
        <v>1</v>
      </c>
      <c r="C126" s="9"/>
      <c r="D126" s="9"/>
      <c r="E126" s="9"/>
      <c r="F126" s="9"/>
      <c r="G126" s="9"/>
      <c r="H126" s="9"/>
      <c r="I126" s="9"/>
      <c r="J126" s="9"/>
      <c r="K126" s="9"/>
      <c r="L126" s="9"/>
      <c r="M126" s="9"/>
      <c r="N126" s="9"/>
      <c r="O126" s="9"/>
      <c r="P126" s="9"/>
      <c r="Q126" s="9"/>
      <c r="R126" s="9"/>
      <c r="S126" s="9"/>
      <c r="T126" s="9"/>
      <c r="U126" s="9"/>
      <c r="V126" s="9"/>
      <c r="W126" s="9"/>
    </row>
    <row r="127" spans="1:23" s="10" customFormat="1">
      <c r="A127" s="10" t="s">
        <v>25</v>
      </c>
      <c r="B127" s="11">
        <v>0.82730000000000004</v>
      </c>
      <c r="C127" s="9"/>
      <c r="D127" s="9">
        <v>0</v>
      </c>
      <c r="E127" s="9">
        <v>0</v>
      </c>
      <c r="F127" s="9">
        <v>0</v>
      </c>
      <c r="G127" s="9">
        <v>0</v>
      </c>
      <c r="H127" s="9">
        <v>0</v>
      </c>
      <c r="I127" s="9">
        <v>0</v>
      </c>
      <c r="J127" s="9">
        <v>0</v>
      </c>
      <c r="K127" s="9">
        <v>0</v>
      </c>
      <c r="L127" s="9">
        <v>0</v>
      </c>
      <c r="M127" s="9">
        <v>0</v>
      </c>
      <c r="N127" s="9">
        <v>0</v>
      </c>
      <c r="O127" s="9">
        <v>0</v>
      </c>
      <c r="P127" s="9">
        <v>0</v>
      </c>
      <c r="Q127" s="9">
        <v>0</v>
      </c>
      <c r="R127" s="9">
        <v>0</v>
      </c>
      <c r="S127" s="9">
        <v>0</v>
      </c>
      <c r="T127" s="9">
        <v>0</v>
      </c>
      <c r="U127" s="9">
        <v>0</v>
      </c>
      <c r="V127" s="9">
        <v>0</v>
      </c>
      <c r="W127" s="9">
        <v>0</v>
      </c>
    </row>
    <row r="128" spans="1:23" s="10" customFormat="1">
      <c r="A128" s="10" t="s">
        <v>26</v>
      </c>
      <c r="B128" s="11">
        <v>0.67179999999999995</v>
      </c>
      <c r="C128" s="9"/>
      <c r="D128" s="9">
        <v>0</v>
      </c>
      <c r="E128" s="9">
        <v>0</v>
      </c>
      <c r="F128" s="9">
        <v>0</v>
      </c>
      <c r="G128" s="9">
        <v>0</v>
      </c>
      <c r="H128" s="9">
        <v>0</v>
      </c>
      <c r="I128" s="9">
        <v>0</v>
      </c>
      <c r="J128" s="9">
        <v>0</v>
      </c>
      <c r="K128" s="9">
        <v>0</v>
      </c>
      <c r="L128" s="9">
        <v>0</v>
      </c>
      <c r="M128" s="9">
        <v>0</v>
      </c>
      <c r="N128" s="9">
        <v>0</v>
      </c>
      <c r="O128" s="9">
        <v>0</v>
      </c>
      <c r="P128" s="9">
        <v>0</v>
      </c>
      <c r="Q128" s="9">
        <v>0</v>
      </c>
      <c r="R128" s="9">
        <v>0</v>
      </c>
      <c r="S128" s="9">
        <v>0</v>
      </c>
      <c r="T128" s="9">
        <v>0</v>
      </c>
      <c r="U128" s="9">
        <v>0</v>
      </c>
      <c r="V128" s="9">
        <v>0</v>
      </c>
      <c r="W128" s="9">
        <v>1</v>
      </c>
    </row>
    <row r="129" spans="1:23" s="10" customFormat="1">
      <c r="A129" s="12" t="s">
        <v>27</v>
      </c>
      <c r="B129" s="11">
        <v>0.53359999999999996</v>
      </c>
      <c r="C129" s="9"/>
      <c r="D129" s="9">
        <v>0</v>
      </c>
      <c r="E129" s="9">
        <v>0</v>
      </c>
      <c r="F129" s="9">
        <v>0</v>
      </c>
      <c r="G129" s="9">
        <v>0</v>
      </c>
      <c r="H129" s="9">
        <v>0</v>
      </c>
      <c r="I129" s="9">
        <v>0</v>
      </c>
      <c r="J129" s="9">
        <v>0</v>
      </c>
      <c r="K129" s="9">
        <v>0</v>
      </c>
      <c r="L129" s="9">
        <v>0</v>
      </c>
      <c r="M129" s="9">
        <v>0</v>
      </c>
      <c r="N129" s="9">
        <v>0</v>
      </c>
      <c r="O129" s="9">
        <v>0</v>
      </c>
      <c r="P129" s="9">
        <v>0</v>
      </c>
      <c r="Q129" s="9">
        <v>0</v>
      </c>
      <c r="R129" s="9">
        <v>0</v>
      </c>
      <c r="S129" s="9">
        <v>0</v>
      </c>
      <c r="T129" s="9">
        <v>0</v>
      </c>
      <c r="U129" s="9">
        <v>0</v>
      </c>
      <c r="V129" s="9">
        <v>0</v>
      </c>
      <c r="W129" s="9">
        <v>1</v>
      </c>
    </row>
    <row r="130" spans="1:23" s="10" customFormat="1">
      <c r="A130" s="10" t="s">
        <v>28</v>
      </c>
      <c r="B130" s="11">
        <v>0.41270000000000001</v>
      </c>
      <c r="C130" s="9"/>
      <c r="D130" s="9">
        <v>0</v>
      </c>
      <c r="E130" s="9">
        <v>0</v>
      </c>
      <c r="F130" s="9">
        <v>0</v>
      </c>
      <c r="G130" s="9">
        <v>0</v>
      </c>
      <c r="H130" s="9">
        <v>0</v>
      </c>
      <c r="I130" s="9">
        <v>0</v>
      </c>
      <c r="J130" s="9">
        <v>0</v>
      </c>
      <c r="K130" s="9">
        <v>0</v>
      </c>
      <c r="L130" s="9">
        <v>0</v>
      </c>
      <c r="M130" s="9">
        <v>0</v>
      </c>
      <c r="N130" s="9">
        <v>0</v>
      </c>
      <c r="O130" s="9">
        <v>0</v>
      </c>
      <c r="P130" s="9">
        <v>0</v>
      </c>
      <c r="Q130" s="9">
        <v>0</v>
      </c>
      <c r="R130" s="9">
        <v>0</v>
      </c>
      <c r="S130" s="9">
        <v>0</v>
      </c>
      <c r="T130" s="9">
        <v>0</v>
      </c>
      <c r="U130" s="9">
        <v>0</v>
      </c>
      <c r="V130" s="9">
        <v>0</v>
      </c>
      <c r="W130" s="9">
        <v>1</v>
      </c>
    </row>
    <row r="131" spans="1:23" s="10" customFormat="1">
      <c r="A131" s="10" t="s">
        <v>29</v>
      </c>
      <c r="B131" s="11">
        <v>0.30909999999999999</v>
      </c>
      <c r="C131" s="9"/>
      <c r="D131" s="9">
        <v>0</v>
      </c>
      <c r="E131" s="9">
        <v>0</v>
      </c>
      <c r="F131" s="9">
        <v>0</v>
      </c>
      <c r="G131" s="9">
        <v>0</v>
      </c>
      <c r="H131" s="9">
        <v>0</v>
      </c>
      <c r="I131" s="9">
        <v>0</v>
      </c>
      <c r="J131" s="9">
        <v>0</v>
      </c>
      <c r="K131" s="9">
        <v>0</v>
      </c>
      <c r="L131" s="9">
        <v>0</v>
      </c>
      <c r="M131" s="9">
        <v>0</v>
      </c>
      <c r="N131" s="9">
        <v>0</v>
      </c>
      <c r="O131" s="9">
        <v>0</v>
      </c>
      <c r="P131" s="9">
        <v>0</v>
      </c>
      <c r="Q131" s="9">
        <v>0</v>
      </c>
      <c r="R131" s="9">
        <v>0</v>
      </c>
      <c r="S131" s="9">
        <v>0</v>
      </c>
      <c r="T131" s="9">
        <v>0</v>
      </c>
      <c r="U131" s="9">
        <v>0</v>
      </c>
      <c r="V131" s="9">
        <v>0</v>
      </c>
      <c r="W131" s="9">
        <v>1</v>
      </c>
    </row>
    <row r="132" spans="1:23" s="10" customFormat="1">
      <c r="A132" s="10" t="s">
        <v>30</v>
      </c>
      <c r="B132" s="11">
        <v>0.22270000000000001</v>
      </c>
      <c r="C132" s="9"/>
      <c r="D132" s="9">
        <v>0</v>
      </c>
      <c r="E132" s="9">
        <v>0</v>
      </c>
      <c r="F132" s="9">
        <v>0</v>
      </c>
      <c r="G132" s="9">
        <v>0</v>
      </c>
      <c r="H132" s="9">
        <v>0</v>
      </c>
      <c r="I132" s="9">
        <v>0</v>
      </c>
      <c r="J132" s="9">
        <v>0</v>
      </c>
      <c r="K132" s="9">
        <v>0</v>
      </c>
      <c r="L132" s="9">
        <v>0</v>
      </c>
      <c r="M132" s="9">
        <v>0</v>
      </c>
      <c r="N132" s="9">
        <v>0</v>
      </c>
      <c r="O132" s="9">
        <v>0</v>
      </c>
      <c r="P132" s="9">
        <v>0</v>
      </c>
      <c r="Q132" s="9">
        <v>0</v>
      </c>
      <c r="R132" s="9">
        <v>0</v>
      </c>
      <c r="S132" s="9">
        <v>0</v>
      </c>
      <c r="T132" s="9">
        <v>0</v>
      </c>
      <c r="U132" s="9">
        <v>0</v>
      </c>
      <c r="V132" s="9">
        <v>0</v>
      </c>
      <c r="W132" s="9">
        <v>0</v>
      </c>
    </row>
    <row r="133" spans="1:23" s="10" customFormat="1">
      <c r="A133" s="10" t="s">
        <v>31</v>
      </c>
      <c r="B133" s="11">
        <v>0.15359999999999999</v>
      </c>
      <c r="C133" s="9"/>
      <c r="D133" s="9">
        <v>0</v>
      </c>
      <c r="E133" s="9">
        <v>0</v>
      </c>
      <c r="F133" s="9">
        <v>0</v>
      </c>
      <c r="G133" s="9">
        <v>0</v>
      </c>
      <c r="H133" s="9">
        <v>0</v>
      </c>
      <c r="I133" s="9">
        <v>0</v>
      </c>
      <c r="J133" s="9">
        <v>0</v>
      </c>
      <c r="K133" s="9">
        <v>0</v>
      </c>
      <c r="L133" s="9">
        <v>0</v>
      </c>
      <c r="M133" s="9">
        <v>0</v>
      </c>
      <c r="N133" s="9">
        <v>0</v>
      </c>
      <c r="O133" s="9">
        <v>0</v>
      </c>
      <c r="P133" s="9">
        <v>0</v>
      </c>
      <c r="Q133" s="9">
        <v>0</v>
      </c>
      <c r="R133" s="9">
        <v>0</v>
      </c>
      <c r="S133" s="9">
        <v>0</v>
      </c>
      <c r="T133" s="9">
        <v>0</v>
      </c>
      <c r="U133" s="9">
        <v>0</v>
      </c>
      <c r="V133" s="9">
        <v>0</v>
      </c>
      <c r="W133" s="9">
        <v>0</v>
      </c>
    </row>
    <row r="134" spans="1:23" s="10" customFormat="1">
      <c r="A134" s="10" t="s">
        <v>32</v>
      </c>
      <c r="B134" s="11">
        <v>0.1018</v>
      </c>
      <c r="C134" s="9"/>
      <c r="D134" s="9">
        <v>0</v>
      </c>
      <c r="E134" s="9">
        <v>0</v>
      </c>
      <c r="F134" s="9">
        <v>0</v>
      </c>
      <c r="G134" s="9">
        <v>0</v>
      </c>
      <c r="H134" s="9">
        <v>0</v>
      </c>
      <c r="I134" s="9">
        <v>0</v>
      </c>
      <c r="J134" s="9">
        <v>0</v>
      </c>
      <c r="K134" s="9">
        <v>0</v>
      </c>
      <c r="L134" s="9">
        <v>0</v>
      </c>
      <c r="M134" s="9">
        <v>0</v>
      </c>
      <c r="N134" s="9">
        <v>0</v>
      </c>
      <c r="O134" s="9">
        <v>0</v>
      </c>
      <c r="P134" s="9">
        <v>0</v>
      </c>
      <c r="Q134" s="9">
        <v>0</v>
      </c>
      <c r="R134" s="9">
        <v>0</v>
      </c>
      <c r="S134" s="9">
        <v>0</v>
      </c>
      <c r="T134" s="9">
        <v>0</v>
      </c>
      <c r="U134" s="9">
        <v>0</v>
      </c>
      <c r="V134" s="9">
        <v>0</v>
      </c>
      <c r="W134" s="9">
        <v>0</v>
      </c>
    </row>
    <row r="135" spans="1:23" s="10" customFormat="1">
      <c r="A135" s="10" t="s">
        <v>33</v>
      </c>
      <c r="B135" s="11">
        <v>6.7299999999999999E-2</v>
      </c>
      <c r="C135" s="9"/>
      <c r="D135" s="9">
        <v>0</v>
      </c>
      <c r="E135" s="9">
        <v>0</v>
      </c>
      <c r="F135" s="9">
        <v>0</v>
      </c>
      <c r="G135" s="9">
        <v>0</v>
      </c>
      <c r="H135" s="9">
        <v>0</v>
      </c>
      <c r="I135" s="9">
        <v>0</v>
      </c>
      <c r="J135" s="9">
        <v>0</v>
      </c>
      <c r="K135" s="9">
        <v>0</v>
      </c>
      <c r="L135" s="9">
        <v>0</v>
      </c>
      <c r="M135" s="9">
        <v>0</v>
      </c>
      <c r="N135" s="9">
        <v>0</v>
      </c>
      <c r="O135" s="9">
        <v>0</v>
      </c>
      <c r="P135" s="9">
        <v>0</v>
      </c>
      <c r="Q135" s="9">
        <v>0</v>
      </c>
      <c r="R135" s="9">
        <v>0</v>
      </c>
      <c r="S135" s="9">
        <v>0</v>
      </c>
      <c r="T135" s="9">
        <v>0</v>
      </c>
      <c r="U135" s="9">
        <v>0</v>
      </c>
      <c r="V135" s="9">
        <v>0</v>
      </c>
      <c r="W135" s="9">
        <v>0</v>
      </c>
    </row>
    <row r="136" spans="1:23" s="10" customFormat="1">
      <c r="A136" s="13" t="s">
        <v>34</v>
      </c>
      <c r="B136" s="17">
        <v>0.05</v>
      </c>
      <c r="C136" s="14"/>
      <c r="D136" s="14">
        <v>0</v>
      </c>
      <c r="E136" s="14">
        <v>0</v>
      </c>
      <c r="F136" s="14">
        <v>0</v>
      </c>
      <c r="G136" s="14">
        <v>0</v>
      </c>
      <c r="H136" s="14">
        <v>0</v>
      </c>
      <c r="I136" s="14">
        <v>1</v>
      </c>
      <c r="J136" s="14">
        <v>1</v>
      </c>
      <c r="K136" s="14">
        <v>1</v>
      </c>
      <c r="L136" s="14">
        <v>1</v>
      </c>
      <c r="M136" s="14">
        <v>6</v>
      </c>
      <c r="N136" s="14">
        <v>0</v>
      </c>
      <c r="O136" s="14">
        <v>0</v>
      </c>
      <c r="P136" s="14">
        <v>0</v>
      </c>
      <c r="Q136" s="14">
        <v>0</v>
      </c>
      <c r="R136" s="14">
        <v>0</v>
      </c>
      <c r="S136" s="14">
        <v>1</v>
      </c>
      <c r="T136" s="14">
        <v>1</v>
      </c>
      <c r="U136" s="14">
        <v>1</v>
      </c>
      <c r="V136" s="14">
        <v>1</v>
      </c>
      <c r="W136" s="14">
        <v>6</v>
      </c>
    </row>
    <row r="137" spans="1:23" s="10" customFormat="1">
      <c r="A137" s="15" t="s">
        <v>35</v>
      </c>
      <c r="B137" s="15"/>
      <c r="C137" s="16">
        <v>0</v>
      </c>
      <c r="D137" s="16">
        <v>0</v>
      </c>
      <c r="E137" s="16">
        <v>0</v>
      </c>
      <c r="F137" s="16">
        <v>0</v>
      </c>
      <c r="G137" s="16">
        <v>0</v>
      </c>
      <c r="H137" s="16">
        <v>0</v>
      </c>
      <c r="I137" s="16">
        <v>1</v>
      </c>
      <c r="J137" s="16">
        <v>1</v>
      </c>
      <c r="K137" s="16">
        <v>1</v>
      </c>
      <c r="L137" s="16">
        <v>1</v>
      </c>
      <c r="M137" s="16">
        <v>6</v>
      </c>
      <c r="N137" s="16">
        <v>0</v>
      </c>
      <c r="O137" s="16">
        <v>0</v>
      </c>
      <c r="P137" s="16">
        <v>0</v>
      </c>
      <c r="Q137" s="16">
        <v>0</v>
      </c>
      <c r="R137" s="16">
        <v>0</v>
      </c>
      <c r="S137" s="16">
        <v>1</v>
      </c>
      <c r="T137" s="16">
        <v>1</v>
      </c>
      <c r="U137" s="16">
        <v>1</v>
      </c>
      <c r="V137" s="16">
        <v>1</v>
      </c>
      <c r="W137" s="16">
        <v>10</v>
      </c>
    </row>
    <row r="140" spans="1:23" ht="18">
      <c r="A140" s="93" t="s">
        <v>106</v>
      </c>
    </row>
    <row r="141" spans="1:23">
      <c r="A141" s="19" t="s">
        <v>36</v>
      </c>
      <c r="B141" s="20"/>
      <c r="C141" s="20" t="s">
        <v>3</v>
      </c>
      <c r="D141" s="20" t="s">
        <v>4</v>
      </c>
      <c r="E141" s="20" t="s">
        <v>5</v>
      </c>
      <c r="F141" s="20" t="s">
        <v>6</v>
      </c>
      <c r="G141" s="20" t="s">
        <v>7</v>
      </c>
      <c r="H141" s="20" t="s">
        <v>8</v>
      </c>
      <c r="I141" s="20" t="s">
        <v>9</v>
      </c>
      <c r="J141" s="20" t="s">
        <v>10</v>
      </c>
      <c r="K141" s="20" t="s">
        <v>11</v>
      </c>
      <c r="L141" s="20" t="s">
        <v>12</v>
      </c>
      <c r="M141" s="20" t="s">
        <v>13</v>
      </c>
      <c r="N141" s="20" t="s">
        <v>14</v>
      </c>
      <c r="O141" s="20" t="s">
        <v>15</v>
      </c>
      <c r="P141" s="20" t="s">
        <v>16</v>
      </c>
      <c r="Q141" s="20" t="s">
        <v>17</v>
      </c>
      <c r="R141" s="20" t="s">
        <v>18</v>
      </c>
      <c r="S141" s="20" t="s">
        <v>19</v>
      </c>
      <c r="T141" s="20" t="s">
        <v>20</v>
      </c>
      <c r="U141" s="20" t="s">
        <v>21</v>
      </c>
      <c r="V141" s="20" t="s">
        <v>22</v>
      </c>
      <c r="W141" s="21" t="s">
        <v>23</v>
      </c>
    </row>
    <row r="142" spans="1:23">
      <c r="A142" s="22" t="s">
        <v>37</v>
      </c>
      <c r="B142" s="23"/>
      <c r="C142" s="8"/>
      <c r="D142" s="24">
        <v>0.1</v>
      </c>
      <c r="E142" s="24">
        <v>0.1</v>
      </c>
      <c r="F142" s="24">
        <v>0.1</v>
      </c>
      <c r="G142" s="24">
        <v>0.1</v>
      </c>
      <c r="H142" s="24">
        <v>0.1</v>
      </c>
      <c r="I142" s="24">
        <v>0.1</v>
      </c>
      <c r="J142" s="24">
        <v>0.1</v>
      </c>
      <c r="K142" s="24">
        <v>0.1</v>
      </c>
      <c r="L142" s="24">
        <v>0.1</v>
      </c>
      <c r="M142" s="24">
        <v>0.1</v>
      </c>
      <c r="N142" s="24">
        <v>0.1</v>
      </c>
      <c r="O142" s="24">
        <v>0.1</v>
      </c>
      <c r="P142" s="24">
        <v>0.1</v>
      </c>
      <c r="Q142" s="24">
        <v>0.1</v>
      </c>
      <c r="R142" s="24">
        <v>0.1</v>
      </c>
      <c r="S142" s="24">
        <v>0.1</v>
      </c>
      <c r="T142" s="24">
        <v>0.1</v>
      </c>
      <c r="U142" s="24">
        <v>0.1</v>
      </c>
      <c r="V142" s="24">
        <v>0.1</v>
      </c>
      <c r="W142" s="25">
        <v>0.32497500000000001</v>
      </c>
    </row>
    <row r="143" spans="1:23">
      <c r="A143" s="26" t="s">
        <v>38</v>
      </c>
      <c r="B143" s="13"/>
      <c r="C143" s="14"/>
      <c r="D143" s="14">
        <v>1</v>
      </c>
      <c r="E143" s="14">
        <v>1</v>
      </c>
      <c r="F143" s="14">
        <v>1</v>
      </c>
      <c r="G143" s="14">
        <v>1</v>
      </c>
      <c r="H143" s="14">
        <v>1</v>
      </c>
      <c r="I143" s="14">
        <v>1</v>
      </c>
      <c r="J143" s="14">
        <v>1</v>
      </c>
      <c r="K143" s="14">
        <v>1</v>
      </c>
      <c r="L143" s="14">
        <v>1</v>
      </c>
      <c r="M143" s="14">
        <v>1</v>
      </c>
      <c r="N143" s="14">
        <v>1</v>
      </c>
      <c r="O143" s="14">
        <v>1</v>
      </c>
      <c r="P143" s="14">
        <v>1</v>
      </c>
      <c r="Q143" s="14">
        <v>1</v>
      </c>
      <c r="R143" s="14">
        <v>1</v>
      </c>
      <c r="S143" s="14">
        <v>1</v>
      </c>
      <c r="T143" s="14">
        <v>1</v>
      </c>
      <c r="U143" s="14">
        <v>1</v>
      </c>
      <c r="V143" s="14">
        <v>1</v>
      </c>
      <c r="W143" s="27">
        <v>8</v>
      </c>
    </row>
    <row r="146" spans="1:23">
      <c r="A146" s="19" t="s">
        <v>39</v>
      </c>
      <c r="B146" s="20"/>
      <c r="C146" s="20" t="s">
        <v>3</v>
      </c>
      <c r="D146" s="20" t="s">
        <v>4</v>
      </c>
      <c r="E146" s="20" t="s">
        <v>5</v>
      </c>
      <c r="F146" s="20" t="s">
        <v>6</v>
      </c>
      <c r="G146" s="20" t="s">
        <v>7</v>
      </c>
      <c r="H146" s="20" t="s">
        <v>8</v>
      </c>
      <c r="I146" s="20" t="s">
        <v>9</v>
      </c>
      <c r="J146" s="20" t="s">
        <v>10</v>
      </c>
      <c r="K146" s="20" t="s">
        <v>11</v>
      </c>
      <c r="L146" s="20" t="s">
        <v>12</v>
      </c>
      <c r="M146" s="20" t="s">
        <v>13</v>
      </c>
      <c r="N146" s="20" t="s">
        <v>14</v>
      </c>
      <c r="O146" s="20" t="s">
        <v>15</v>
      </c>
      <c r="P146" s="20" t="s">
        <v>16</v>
      </c>
      <c r="Q146" s="20" t="s">
        <v>17</v>
      </c>
      <c r="R146" s="20" t="s">
        <v>18</v>
      </c>
      <c r="S146" s="20" t="s">
        <v>19</v>
      </c>
      <c r="T146" s="20" t="s">
        <v>20</v>
      </c>
      <c r="U146" s="20" t="s">
        <v>21</v>
      </c>
      <c r="V146" s="20" t="s">
        <v>22</v>
      </c>
      <c r="W146" s="21" t="s">
        <v>23</v>
      </c>
    </row>
    <row r="147" spans="1:23">
      <c r="A147" s="22" t="s">
        <v>37</v>
      </c>
      <c r="B147" s="23"/>
      <c r="C147" s="8"/>
      <c r="D147" s="24">
        <v>0.05</v>
      </c>
      <c r="E147" s="24">
        <v>0.05</v>
      </c>
      <c r="F147" s="24">
        <v>0.05</v>
      </c>
      <c r="G147" s="24">
        <v>0.05</v>
      </c>
      <c r="H147" s="24">
        <v>0.05</v>
      </c>
      <c r="I147" s="24">
        <v>0.05</v>
      </c>
      <c r="J147" s="24">
        <v>0.05</v>
      </c>
      <c r="K147" s="24">
        <v>0.05</v>
      </c>
      <c r="L147" s="24">
        <v>0.05</v>
      </c>
      <c r="M147" s="24">
        <v>0.05</v>
      </c>
      <c r="N147" s="24">
        <v>0.05</v>
      </c>
      <c r="O147" s="24">
        <v>0.05</v>
      </c>
      <c r="P147" s="24">
        <v>0.05</v>
      </c>
      <c r="Q147" s="24">
        <v>0.05</v>
      </c>
      <c r="R147" s="24">
        <v>0.05</v>
      </c>
      <c r="S147" s="24">
        <v>0.05</v>
      </c>
      <c r="T147" s="24">
        <v>0.05</v>
      </c>
      <c r="U147" s="24">
        <v>0.05</v>
      </c>
      <c r="V147" s="24">
        <v>0.05</v>
      </c>
      <c r="W147" s="25">
        <v>0.30908181818181818</v>
      </c>
    </row>
    <row r="148" spans="1:23">
      <c r="A148" s="26" t="s">
        <v>38</v>
      </c>
      <c r="B148" s="13"/>
      <c r="C148" s="14"/>
      <c r="D148" s="14">
        <v>1</v>
      </c>
      <c r="E148" s="14">
        <v>1</v>
      </c>
      <c r="F148" s="14">
        <v>1</v>
      </c>
      <c r="G148" s="14">
        <v>1</v>
      </c>
      <c r="H148" s="14">
        <v>1</v>
      </c>
      <c r="I148" s="14">
        <v>1</v>
      </c>
      <c r="J148" s="14">
        <v>1</v>
      </c>
      <c r="K148" s="14">
        <v>1</v>
      </c>
      <c r="L148" s="14">
        <v>1</v>
      </c>
      <c r="M148" s="14">
        <v>1</v>
      </c>
      <c r="N148" s="14">
        <v>1</v>
      </c>
      <c r="O148" s="14">
        <v>1</v>
      </c>
      <c r="P148" s="14">
        <v>1</v>
      </c>
      <c r="Q148" s="14">
        <v>1</v>
      </c>
      <c r="R148" s="14">
        <v>1</v>
      </c>
      <c r="S148" s="14">
        <v>1</v>
      </c>
      <c r="T148" s="14">
        <v>1</v>
      </c>
      <c r="U148" s="14">
        <v>1</v>
      </c>
      <c r="V148" s="14">
        <v>1</v>
      </c>
      <c r="W148" s="27">
        <v>11</v>
      </c>
    </row>
    <row r="150" spans="1:23">
      <c r="A150" s="19" t="s">
        <v>41</v>
      </c>
      <c r="B150" s="20"/>
      <c r="C150" s="20" t="s">
        <v>3</v>
      </c>
      <c r="D150" s="20" t="s">
        <v>4</v>
      </c>
      <c r="E150" s="20" t="s">
        <v>5</v>
      </c>
      <c r="F150" s="20" t="s">
        <v>6</v>
      </c>
      <c r="G150" s="20" t="s">
        <v>7</v>
      </c>
      <c r="H150" s="20" t="s">
        <v>8</v>
      </c>
      <c r="I150" s="20" t="s">
        <v>9</v>
      </c>
      <c r="J150" s="20" t="s">
        <v>10</v>
      </c>
      <c r="K150" s="20" t="s">
        <v>11</v>
      </c>
      <c r="L150" s="20" t="s">
        <v>12</v>
      </c>
      <c r="M150" s="20" t="s">
        <v>13</v>
      </c>
      <c r="N150" s="20" t="s">
        <v>14</v>
      </c>
      <c r="O150" s="20" t="s">
        <v>15</v>
      </c>
      <c r="P150" s="20" t="s">
        <v>16</v>
      </c>
      <c r="Q150" s="20" t="s">
        <v>17</v>
      </c>
      <c r="R150" s="20" t="s">
        <v>18</v>
      </c>
      <c r="S150" s="20" t="s">
        <v>19</v>
      </c>
      <c r="T150" s="20" t="s">
        <v>20</v>
      </c>
      <c r="U150" s="20" t="s">
        <v>21</v>
      </c>
      <c r="V150" s="20" t="s">
        <v>22</v>
      </c>
      <c r="W150" s="21" t="s">
        <v>23</v>
      </c>
    </row>
    <row r="151" spans="1:23">
      <c r="A151" s="22" t="s">
        <v>37</v>
      </c>
      <c r="B151" s="23"/>
      <c r="C151" s="8"/>
      <c r="D151" s="24">
        <v>0</v>
      </c>
      <c r="E151" s="24">
        <v>0</v>
      </c>
      <c r="F151" s="24">
        <v>0</v>
      </c>
      <c r="G151" s="24">
        <v>0</v>
      </c>
      <c r="H151" s="24">
        <v>0</v>
      </c>
      <c r="I151" s="24">
        <v>0.05</v>
      </c>
      <c r="J151" s="24">
        <v>0.05</v>
      </c>
      <c r="K151" s="24">
        <v>0.05</v>
      </c>
      <c r="L151" s="24">
        <v>0.05</v>
      </c>
      <c r="M151" s="24">
        <v>5.000000000000001E-2</v>
      </c>
      <c r="N151" s="24">
        <v>0</v>
      </c>
      <c r="O151" s="24">
        <v>0</v>
      </c>
      <c r="P151" s="24">
        <v>0</v>
      </c>
      <c r="Q151" s="24">
        <v>0</v>
      </c>
      <c r="R151" s="24">
        <v>0</v>
      </c>
      <c r="S151" s="24">
        <v>0.05</v>
      </c>
      <c r="T151" s="24">
        <v>0.05</v>
      </c>
      <c r="U151" s="24">
        <v>0.05</v>
      </c>
      <c r="V151" s="24">
        <v>0.05</v>
      </c>
      <c r="W151" s="25">
        <v>0.22271999999999997</v>
      </c>
    </row>
    <row r="152" spans="1:23">
      <c r="A152" s="26" t="s">
        <v>38</v>
      </c>
      <c r="B152" s="13"/>
      <c r="C152" s="14"/>
      <c r="D152" s="14">
        <v>0</v>
      </c>
      <c r="E152" s="14">
        <v>0</v>
      </c>
      <c r="F152" s="14">
        <v>0</v>
      </c>
      <c r="G152" s="14">
        <v>0</v>
      </c>
      <c r="H152" s="14">
        <v>0</v>
      </c>
      <c r="I152" s="14">
        <v>1</v>
      </c>
      <c r="J152" s="14">
        <v>1</v>
      </c>
      <c r="K152" s="14">
        <v>1</v>
      </c>
      <c r="L152" s="14">
        <v>1</v>
      </c>
      <c r="M152" s="14">
        <v>6</v>
      </c>
      <c r="N152" s="14">
        <v>0</v>
      </c>
      <c r="O152" s="14">
        <v>0</v>
      </c>
      <c r="P152" s="14">
        <v>0</v>
      </c>
      <c r="Q152" s="14">
        <v>0</v>
      </c>
      <c r="R152" s="14">
        <v>0</v>
      </c>
      <c r="S152" s="14">
        <v>1</v>
      </c>
      <c r="T152" s="14">
        <v>1</v>
      </c>
      <c r="U152" s="14">
        <v>1</v>
      </c>
      <c r="V152" s="14">
        <v>1</v>
      </c>
      <c r="W152" s="27">
        <v>10</v>
      </c>
    </row>
    <row r="153" spans="1:23">
      <c r="A153" s="23"/>
      <c r="B153" s="23"/>
      <c r="C153" s="101"/>
      <c r="D153" s="101"/>
      <c r="E153" s="101"/>
      <c r="F153" s="101"/>
      <c r="G153" s="101"/>
      <c r="H153" s="101"/>
      <c r="I153" s="101"/>
      <c r="J153" s="101"/>
      <c r="K153" s="101"/>
      <c r="L153" s="101"/>
      <c r="M153" s="101"/>
      <c r="N153" s="101"/>
      <c r="O153" s="101"/>
      <c r="P153" s="101"/>
      <c r="Q153" s="101"/>
      <c r="R153" s="101"/>
      <c r="S153" s="101"/>
      <c r="T153" s="101"/>
      <c r="U153" s="101"/>
      <c r="V153" s="101"/>
      <c r="W153" s="101"/>
    </row>
    <row r="154" spans="1:23">
      <c r="A154" s="23"/>
      <c r="B154" s="23"/>
      <c r="C154" s="101"/>
      <c r="D154" s="101"/>
      <c r="E154" s="101"/>
      <c r="F154" s="101"/>
      <c r="G154" s="101"/>
      <c r="H154" s="101"/>
      <c r="I154" s="101"/>
      <c r="J154" s="101"/>
      <c r="K154" s="101"/>
      <c r="L154" s="101"/>
      <c r="M154" s="101"/>
      <c r="N154" s="101"/>
      <c r="O154" s="101"/>
      <c r="P154" s="101"/>
      <c r="Q154" s="101"/>
      <c r="R154" s="101"/>
      <c r="S154" s="101"/>
      <c r="T154" s="101"/>
      <c r="U154" s="101"/>
      <c r="V154" s="101"/>
      <c r="W154" s="101"/>
    </row>
    <row r="155" spans="1:23">
      <c r="A155" s="23"/>
      <c r="B155" s="23"/>
      <c r="C155" s="101"/>
      <c r="D155" s="101"/>
      <c r="E155" s="101"/>
      <c r="F155" s="101"/>
      <c r="G155" s="101"/>
      <c r="H155" s="101"/>
      <c r="I155" s="101"/>
      <c r="J155" s="101"/>
      <c r="K155" s="101"/>
      <c r="L155" s="101"/>
      <c r="M155" s="101"/>
      <c r="N155" s="101"/>
      <c r="O155" s="101"/>
      <c r="P155" s="101"/>
      <c r="Q155" s="101"/>
      <c r="R155" s="101"/>
      <c r="S155" s="101"/>
      <c r="T155" s="101"/>
      <c r="U155" s="101"/>
      <c r="V155" s="101"/>
      <c r="W155" s="101"/>
    </row>
    <row r="156" spans="1:23">
      <c r="A156" s="23"/>
      <c r="B156" s="23"/>
      <c r="C156" s="101"/>
      <c r="D156" s="101"/>
      <c r="E156" s="101"/>
      <c r="F156" s="101"/>
      <c r="G156" s="101"/>
      <c r="H156" s="101"/>
      <c r="I156" s="101"/>
      <c r="J156" s="101"/>
      <c r="K156" s="101"/>
      <c r="L156" s="101"/>
      <c r="M156" s="101"/>
      <c r="N156" s="101"/>
      <c r="O156" s="101"/>
      <c r="P156" s="101"/>
      <c r="Q156" s="101"/>
      <c r="R156" s="101"/>
      <c r="S156" s="101"/>
      <c r="T156" s="101"/>
      <c r="U156" s="101"/>
      <c r="V156" s="101"/>
      <c r="W156" s="101"/>
    </row>
    <row r="157" spans="1:23">
      <c r="A157" s="23"/>
      <c r="B157" s="23"/>
      <c r="C157" s="101"/>
      <c r="D157" s="101"/>
      <c r="E157" s="101"/>
      <c r="F157" s="101"/>
      <c r="G157" s="101"/>
      <c r="H157" s="101"/>
      <c r="I157" s="101"/>
      <c r="J157" s="101"/>
      <c r="K157" s="101"/>
      <c r="L157" s="101"/>
      <c r="M157" s="101"/>
      <c r="N157" s="101"/>
      <c r="O157" s="101"/>
      <c r="P157" s="101"/>
      <c r="Q157" s="101"/>
      <c r="R157" s="101"/>
      <c r="S157" s="101"/>
      <c r="T157" s="101"/>
      <c r="U157" s="101"/>
      <c r="V157" s="101"/>
      <c r="W157" s="101"/>
    </row>
    <row r="158" spans="1:23">
      <c r="A158" s="23"/>
      <c r="B158" s="23"/>
      <c r="C158" s="101"/>
      <c r="D158" s="101"/>
      <c r="E158" s="101"/>
      <c r="F158" s="101"/>
      <c r="G158" s="101"/>
      <c r="H158" s="101"/>
      <c r="I158" s="101"/>
      <c r="J158" s="101"/>
      <c r="K158" s="101"/>
      <c r="L158" s="101"/>
      <c r="M158" s="101"/>
      <c r="N158" s="101"/>
      <c r="O158" s="101"/>
      <c r="P158" s="101"/>
      <c r="Q158" s="101"/>
      <c r="R158" s="101"/>
      <c r="S158" s="101"/>
      <c r="T158" s="101"/>
      <c r="U158" s="101"/>
      <c r="V158" s="101"/>
      <c r="W158" s="101"/>
    </row>
    <row r="159" spans="1:23">
      <c r="A159" s="23"/>
      <c r="B159" s="23"/>
      <c r="C159" s="101"/>
      <c r="D159" s="101"/>
      <c r="E159" s="101"/>
      <c r="F159" s="101"/>
      <c r="G159" s="101"/>
      <c r="H159" s="101"/>
      <c r="I159" s="101"/>
      <c r="J159" s="101"/>
      <c r="K159" s="101"/>
      <c r="L159" s="101"/>
      <c r="M159" s="101"/>
      <c r="N159" s="101"/>
      <c r="O159" s="101"/>
      <c r="P159" s="101"/>
      <c r="Q159" s="101"/>
      <c r="R159" s="101"/>
      <c r="S159" s="101"/>
      <c r="T159" s="101"/>
      <c r="U159" s="101"/>
      <c r="V159" s="101"/>
      <c r="W159" s="101"/>
    </row>
    <row r="160" spans="1:23">
      <c r="A160" s="23"/>
      <c r="B160" s="23"/>
      <c r="C160" s="101"/>
      <c r="D160" s="101"/>
      <c r="E160" s="101"/>
      <c r="F160" s="101"/>
      <c r="G160" s="101"/>
      <c r="H160" s="101"/>
      <c r="I160" s="101"/>
      <c r="J160" s="101"/>
      <c r="K160" s="101"/>
      <c r="L160" s="101"/>
      <c r="M160" s="101"/>
      <c r="N160" s="101"/>
      <c r="O160" s="101"/>
      <c r="P160" s="101"/>
      <c r="Q160" s="101"/>
      <c r="R160" s="101"/>
      <c r="S160" s="101"/>
      <c r="T160" s="101"/>
      <c r="U160" s="101"/>
      <c r="V160" s="101"/>
      <c r="W160" s="101"/>
    </row>
    <row r="161" spans="1:23">
      <c r="A161" s="23"/>
      <c r="B161" s="23"/>
      <c r="C161" s="101"/>
      <c r="D161" s="101"/>
      <c r="E161" s="101"/>
      <c r="F161" s="101"/>
      <c r="G161" s="101"/>
      <c r="H161" s="101"/>
      <c r="I161" s="101"/>
      <c r="J161" s="101"/>
      <c r="K161" s="101"/>
      <c r="L161" s="101"/>
      <c r="M161" s="101"/>
      <c r="N161" s="101"/>
      <c r="O161" s="101"/>
      <c r="P161" s="101"/>
      <c r="Q161" s="101"/>
      <c r="R161" s="101"/>
      <c r="S161" s="101"/>
      <c r="T161" s="101"/>
      <c r="U161" s="101"/>
      <c r="V161" s="101"/>
      <c r="W161" s="101"/>
    </row>
    <row r="162" spans="1:23">
      <c r="A162" s="23"/>
      <c r="B162" s="23"/>
      <c r="C162" s="101"/>
      <c r="D162" s="101"/>
      <c r="E162" s="101"/>
      <c r="F162" s="101"/>
      <c r="G162" s="101"/>
      <c r="H162" s="101"/>
      <c r="I162" s="101"/>
      <c r="J162" s="101"/>
      <c r="K162" s="101"/>
      <c r="L162" s="101"/>
      <c r="M162" s="101"/>
      <c r="N162" s="101"/>
      <c r="O162" s="101"/>
      <c r="P162" s="101"/>
      <c r="Q162" s="101"/>
      <c r="R162" s="101"/>
      <c r="S162" s="101"/>
      <c r="T162" s="101"/>
      <c r="U162" s="101"/>
      <c r="V162" s="101"/>
      <c r="W162" s="101"/>
    </row>
    <row r="166" spans="1:23" ht="12.75">
      <c r="K166" s="102"/>
    </row>
    <row r="167" spans="1:23" ht="12.75">
      <c r="A167" s="1"/>
      <c r="K167" s="119" t="s">
        <v>128</v>
      </c>
    </row>
    <row r="171" spans="1:23" ht="18">
      <c r="A171" s="93" t="s">
        <v>109</v>
      </c>
    </row>
    <row r="172" spans="1:23" ht="22.5">
      <c r="A172" s="29" t="s">
        <v>42</v>
      </c>
      <c r="B172" s="30" t="s">
        <v>43</v>
      </c>
      <c r="C172" s="20" t="s">
        <v>44</v>
      </c>
      <c r="D172" s="30" t="s">
        <v>45</v>
      </c>
      <c r="E172" s="31" t="s">
        <v>3</v>
      </c>
      <c r="F172" s="31" t="s">
        <v>4</v>
      </c>
      <c r="G172" s="31" t="s">
        <v>5</v>
      </c>
      <c r="H172" s="31" t="s">
        <v>6</v>
      </c>
      <c r="I172" s="31" t="s">
        <v>7</v>
      </c>
      <c r="J172" s="31" t="s">
        <v>8</v>
      </c>
      <c r="K172" s="31" t="s">
        <v>9</v>
      </c>
      <c r="L172" s="31" t="s">
        <v>10</v>
      </c>
      <c r="M172" s="31" t="s">
        <v>11</v>
      </c>
      <c r="N172" s="31" t="s">
        <v>12</v>
      </c>
      <c r="O172" s="31" t="s">
        <v>13</v>
      </c>
      <c r="P172" s="31" t="s">
        <v>14</v>
      </c>
      <c r="Q172" s="31" t="s">
        <v>15</v>
      </c>
      <c r="R172" s="31" t="s">
        <v>16</v>
      </c>
      <c r="S172" s="31" t="s">
        <v>17</v>
      </c>
      <c r="T172" s="31" t="s">
        <v>18</v>
      </c>
      <c r="U172" s="31" t="s">
        <v>19</v>
      </c>
      <c r="V172" s="31" t="s">
        <v>20</v>
      </c>
      <c r="W172" s="31" t="s">
        <v>21</v>
      </c>
    </row>
    <row r="173" spans="1:23">
      <c r="A173" s="22" t="s">
        <v>46</v>
      </c>
      <c r="B173" s="32">
        <v>333083.95</v>
      </c>
      <c r="C173" s="23">
        <v>10</v>
      </c>
      <c r="D173" s="24">
        <v>0</v>
      </c>
      <c r="E173" s="32">
        <v>1432227.6766050004</v>
      </c>
      <c r="F173" s="32">
        <v>333083.95</v>
      </c>
      <c r="G173" s="32">
        <v>333083.95</v>
      </c>
      <c r="H173" s="32">
        <v>333083.95</v>
      </c>
      <c r="I173" s="32">
        <v>333083.95</v>
      </c>
      <c r="J173" s="32">
        <v>333083.95</v>
      </c>
      <c r="K173" s="32">
        <v>333083.95</v>
      </c>
      <c r="L173" s="32">
        <v>333083.95</v>
      </c>
      <c r="M173" s="32">
        <v>333083.95</v>
      </c>
      <c r="N173" s="32">
        <v>333083.95</v>
      </c>
      <c r="O173" s="32">
        <v>333083.95</v>
      </c>
      <c r="P173" s="32">
        <v>333083.95</v>
      </c>
      <c r="Q173" s="32">
        <v>333083.95</v>
      </c>
      <c r="R173" s="32">
        <v>333083.95</v>
      </c>
      <c r="S173" s="32">
        <v>333083.95</v>
      </c>
      <c r="T173" s="32">
        <v>333083.95</v>
      </c>
      <c r="U173" s="32">
        <v>333083.95</v>
      </c>
      <c r="V173" s="32">
        <v>333083.95</v>
      </c>
      <c r="W173" s="32">
        <v>333083.95</v>
      </c>
    </row>
    <row r="174" spans="1:23">
      <c r="A174" s="22" t="s">
        <v>47</v>
      </c>
      <c r="B174" s="32">
        <v>281987.55</v>
      </c>
      <c r="C174" s="23">
        <v>7</v>
      </c>
      <c r="D174" s="24">
        <v>0</v>
      </c>
      <c r="E174" s="32">
        <v>958701.27249000012</v>
      </c>
      <c r="F174" s="32">
        <v>281987.55</v>
      </c>
      <c r="G174" s="32">
        <v>281987.55</v>
      </c>
      <c r="H174" s="32">
        <v>281987.55</v>
      </c>
      <c r="I174" s="32">
        <v>281987.55</v>
      </c>
      <c r="J174" s="32">
        <v>281987.55</v>
      </c>
      <c r="K174" s="32">
        <v>281987.55</v>
      </c>
      <c r="L174" s="32">
        <v>281987.55</v>
      </c>
      <c r="M174" s="32">
        <v>281987.55</v>
      </c>
      <c r="N174" s="32">
        <v>281987.55</v>
      </c>
      <c r="O174" s="32">
        <v>281987.55</v>
      </c>
      <c r="P174" s="32">
        <v>281987.55</v>
      </c>
      <c r="Q174" s="32">
        <v>281987.55</v>
      </c>
      <c r="R174" s="32">
        <v>281987.55</v>
      </c>
      <c r="S174" s="32">
        <v>281987.55</v>
      </c>
      <c r="T174" s="32">
        <v>281987.55</v>
      </c>
      <c r="U174" s="32">
        <v>281987.55</v>
      </c>
      <c r="V174" s="32">
        <v>281987.55</v>
      </c>
      <c r="W174" s="32">
        <v>281987.55</v>
      </c>
    </row>
    <row r="175" spans="1:23">
      <c r="A175" s="22" t="s">
        <v>48</v>
      </c>
      <c r="B175" s="32">
        <v>353113.29</v>
      </c>
      <c r="C175" s="23">
        <v>10</v>
      </c>
      <c r="D175" s="24">
        <v>0</v>
      </c>
      <c r="E175" s="32">
        <v>1518351.8356710002</v>
      </c>
      <c r="F175" s="32">
        <v>353113.29</v>
      </c>
      <c r="G175" s="32">
        <v>353113.29</v>
      </c>
      <c r="H175" s="32">
        <v>353113.29</v>
      </c>
      <c r="I175" s="32">
        <v>353113.29</v>
      </c>
      <c r="J175" s="32">
        <v>353113.29</v>
      </c>
      <c r="K175" s="32">
        <v>353113.29</v>
      </c>
      <c r="L175" s="32">
        <v>353113.29</v>
      </c>
      <c r="M175" s="32">
        <v>353113.29</v>
      </c>
      <c r="N175" s="32">
        <v>353113.29</v>
      </c>
      <c r="O175" s="32">
        <v>353113.29</v>
      </c>
      <c r="P175" s="32">
        <v>353113.29</v>
      </c>
      <c r="Q175" s="32">
        <v>353113.29</v>
      </c>
      <c r="R175" s="32">
        <v>353113.29</v>
      </c>
      <c r="S175" s="32">
        <v>353113.29</v>
      </c>
      <c r="T175" s="32">
        <v>353113.29</v>
      </c>
      <c r="U175" s="32">
        <v>353113.29</v>
      </c>
      <c r="V175" s="32">
        <v>353113.29</v>
      </c>
      <c r="W175" s="32">
        <v>353113.29</v>
      </c>
    </row>
    <row r="176" spans="1:23">
      <c r="A176" s="22" t="s">
        <v>49</v>
      </c>
      <c r="B176" s="32">
        <v>516388.5</v>
      </c>
      <c r="C176" s="23">
        <v>10</v>
      </c>
      <c r="D176" s="24">
        <v>0</v>
      </c>
      <c r="E176" s="32">
        <v>2220418.9111500005</v>
      </c>
      <c r="F176" s="32">
        <v>516388.5</v>
      </c>
      <c r="G176" s="32">
        <v>516388.5</v>
      </c>
      <c r="H176" s="32">
        <v>516388.5</v>
      </c>
      <c r="I176" s="32">
        <v>516388.5</v>
      </c>
      <c r="J176" s="32">
        <v>516388.5</v>
      </c>
      <c r="K176" s="32">
        <v>516388.5</v>
      </c>
      <c r="L176" s="32">
        <v>516388.5</v>
      </c>
      <c r="M176" s="32">
        <v>516388.5</v>
      </c>
      <c r="N176" s="32">
        <v>516388.5</v>
      </c>
      <c r="O176" s="32">
        <v>516388.5</v>
      </c>
      <c r="P176" s="32">
        <v>516388.5</v>
      </c>
      <c r="Q176" s="32">
        <v>516388.5</v>
      </c>
      <c r="R176" s="32">
        <v>516388.5</v>
      </c>
      <c r="S176" s="32">
        <v>516388.5</v>
      </c>
      <c r="T176" s="32">
        <v>516388.5</v>
      </c>
      <c r="U176" s="32">
        <v>516388.5</v>
      </c>
      <c r="V176" s="32">
        <v>516388.5</v>
      </c>
      <c r="W176" s="32">
        <v>516388.5</v>
      </c>
    </row>
    <row r="177" spans="1:23">
      <c r="A177" s="22" t="s">
        <v>50</v>
      </c>
      <c r="B177" s="32">
        <v>610666.19999999995</v>
      </c>
      <c r="C177" s="23">
        <v>10</v>
      </c>
      <c r="D177" s="24">
        <v>0</v>
      </c>
      <c r="E177" s="32">
        <v>2625803.5933800004</v>
      </c>
      <c r="F177" s="32">
        <v>610666.19999999995</v>
      </c>
      <c r="G177" s="32">
        <v>610666.19999999995</v>
      </c>
      <c r="H177" s="32">
        <v>610666.19999999995</v>
      </c>
      <c r="I177" s="32">
        <v>610666.19999999995</v>
      </c>
      <c r="J177" s="32">
        <v>610666.19999999995</v>
      </c>
      <c r="K177" s="32">
        <v>610666.19999999995</v>
      </c>
      <c r="L177" s="32">
        <v>610666.19999999995</v>
      </c>
      <c r="M177" s="32">
        <v>610666.19999999995</v>
      </c>
      <c r="N177" s="32">
        <v>610666.19999999995</v>
      </c>
      <c r="O177" s="32">
        <v>610666.19999999995</v>
      </c>
      <c r="P177" s="32">
        <v>610666.19999999995</v>
      </c>
      <c r="Q177" s="32">
        <v>610666.19999999995</v>
      </c>
      <c r="R177" s="32">
        <v>610666.19999999995</v>
      </c>
      <c r="S177" s="32">
        <v>610666.19999999995</v>
      </c>
      <c r="T177" s="32">
        <v>610666.19999999995</v>
      </c>
      <c r="U177" s="32">
        <v>610666.19999999995</v>
      </c>
      <c r="V177" s="32">
        <v>610666.19999999995</v>
      </c>
      <c r="W177" s="32">
        <v>610666.19999999995</v>
      </c>
    </row>
    <row r="178" spans="1:23">
      <c r="A178" s="22" t="s">
        <v>51</v>
      </c>
      <c r="B178" s="32">
        <v>917854.6</v>
      </c>
      <c r="C178" s="33">
        <v>10</v>
      </c>
      <c r="D178" s="24">
        <v>0</v>
      </c>
      <c r="E178" s="32">
        <v>3946682.9945400008</v>
      </c>
      <c r="F178" s="32">
        <v>917854.6</v>
      </c>
      <c r="G178" s="32">
        <v>917854.6</v>
      </c>
      <c r="H178" s="32">
        <v>917854.6</v>
      </c>
      <c r="I178" s="32">
        <v>917854.6</v>
      </c>
      <c r="J178" s="32">
        <v>917854.6</v>
      </c>
      <c r="K178" s="32">
        <v>917854.6</v>
      </c>
      <c r="L178" s="32">
        <v>917854.6</v>
      </c>
      <c r="M178" s="32">
        <v>917854.6</v>
      </c>
      <c r="N178" s="32">
        <v>917854.6</v>
      </c>
      <c r="O178" s="32">
        <v>917854.6</v>
      </c>
      <c r="P178" s="32">
        <v>917854.6</v>
      </c>
      <c r="Q178" s="32">
        <v>917854.6</v>
      </c>
      <c r="R178" s="32">
        <v>917854.6</v>
      </c>
      <c r="S178" s="32">
        <v>917854.6</v>
      </c>
      <c r="T178" s="32">
        <v>917854.6</v>
      </c>
      <c r="U178" s="32">
        <v>917854.6</v>
      </c>
      <c r="V178" s="32">
        <v>917854.6</v>
      </c>
      <c r="W178" s="32">
        <v>917854.6</v>
      </c>
    </row>
    <row r="179" spans="1:23">
      <c r="A179" s="22" t="s">
        <v>52</v>
      </c>
      <c r="B179" s="32">
        <v>943141.58</v>
      </c>
      <c r="C179" s="33" t="s">
        <v>53</v>
      </c>
      <c r="D179" s="24">
        <v>0</v>
      </c>
      <c r="E179" s="32">
        <v>7965207.8997319993</v>
      </c>
      <c r="F179" s="32">
        <v>0</v>
      </c>
      <c r="G179" s="32">
        <v>0</v>
      </c>
      <c r="H179" s="32">
        <v>0</v>
      </c>
      <c r="I179" s="32">
        <v>0</v>
      </c>
      <c r="J179" s="32">
        <v>0</v>
      </c>
      <c r="K179" s="32">
        <v>943141.58</v>
      </c>
      <c r="L179" s="32">
        <v>943141.58</v>
      </c>
      <c r="M179" s="32">
        <v>943141.58</v>
      </c>
      <c r="N179" s="32">
        <v>943141.58</v>
      </c>
      <c r="O179" s="32">
        <v>5658849.4799999995</v>
      </c>
      <c r="P179" s="32">
        <v>0</v>
      </c>
      <c r="Q179" s="32">
        <v>0</v>
      </c>
      <c r="R179" s="32">
        <v>0</v>
      </c>
      <c r="S179" s="32">
        <v>0</v>
      </c>
      <c r="T179" s="32">
        <v>0</v>
      </c>
      <c r="U179" s="32">
        <v>943141.58</v>
      </c>
      <c r="V179" s="32">
        <v>943141.58</v>
      </c>
      <c r="W179" s="32">
        <v>943141.58</v>
      </c>
    </row>
    <row r="180" spans="1:23">
      <c r="A180" s="22" t="s">
        <v>54</v>
      </c>
      <c r="B180" s="32">
        <v>978255.89</v>
      </c>
      <c r="C180" s="33" t="s">
        <v>53</v>
      </c>
      <c r="D180" s="24">
        <v>0</v>
      </c>
      <c r="E180" s="32">
        <v>8261762.2934059994</v>
      </c>
      <c r="F180" s="32">
        <v>0</v>
      </c>
      <c r="G180" s="32">
        <v>0</v>
      </c>
      <c r="H180" s="32">
        <v>0</v>
      </c>
      <c r="I180" s="32">
        <v>0</v>
      </c>
      <c r="J180" s="32">
        <v>0</v>
      </c>
      <c r="K180" s="32">
        <v>978255.89</v>
      </c>
      <c r="L180" s="32">
        <v>978255.89</v>
      </c>
      <c r="M180" s="32">
        <v>978255.89</v>
      </c>
      <c r="N180" s="32">
        <v>978255.89</v>
      </c>
      <c r="O180" s="32">
        <v>5869535.3399999999</v>
      </c>
      <c r="P180" s="32">
        <v>0</v>
      </c>
      <c r="Q180" s="32">
        <v>0</v>
      </c>
      <c r="R180" s="32">
        <v>0</v>
      </c>
      <c r="S180" s="32">
        <v>0</v>
      </c>
      <c r="T180" s="32">
        <v>0</v>
      </c>
      <c r="U180" s="32">
        <v>978255.89</v>
      </c>
      <c r="V180" s="32">
        <v>978255.89</v>
      </c>
      <c r="W180" s="32">
        <v>978255.89</v>
      </c>
    </row>
    <row r="181" spans="1:23">
      <c r="A181" s="26" t="s">
        <v>55</v>
      </c>
      <c r="B181" s="34">
        <v>1172767.73</v>
      </c>
      <c r="C181" s="35">
        <v>10</v>
      </c>
      <c r="D181" s="36">
        <v>0</v>
      </c>
      <c r="E181" s="34">
        <v>5042783.9622270009</v>
      </c>
      <c r="F181" s="34">
        <v>1172767.73</v>
      </c>
      <c r="G181" s="34">
        <v>1172767.73</v>
      </c>
      <c r="H181" s="34">
        <v>1172767.73</v>
      </c>
      <c r="I181" s="34">
        <v>1172767.73</v>
      </c>
      <c r="J181" s="34">
        <v>1172767.73</v>
      </c>
      <c r="K181" s="34">
        <v>1172767.73</v>
      </c>
      <c r="L181" s="34">
        <v>1172767.73</v>
      </c>
      <c r="M181" s="34">
        <v>1172767.73</v>
      </c>
      <c r="N181" s="34">
        <v>1172767.73</v>
      </c>
      <c r="O181" s="34">
        <v>1172767.73</v>
      </c>
      <c r="P181" s="34">
        <v>1172767.73</v>
      </c>
      <c r="Q181" s="34">
        <v>1172767.73</v>
      </c>
      <c r="R181" s="34">
        <v>1172767.73</v>
      </c>
      <c r="S181" s="34">
        <v>1172767.73</v>
      </c>
      <c r="T181" s="34">
        <v>1172767.73</v>
      </c>
      <c r="U181" s="34">
        <v>1172767.73</v>
      </c>
      <c r="V181" s="34">
        <v>1172767.73</v>
      </c>
      <c r="W181" s="34">
        <v>1172767.73</v>
      </c>
    </row>
    <row r="182" spans="1:23">
      <c r="B182" s="37"/>
      <c r="E182" s="37"/>
      <c r="F182" s="37"/>
      <c r="G182" s="37"/>
      <c r="H182" s="37"/>
      <c r="I182" s="37"/>
      <c r="J182" s="37"/>
      <c r="K182" s="37"/>
      <c r="L182" s="37"/>
      <c r="M182" s="37"/>
      <c r="N182" s="37"/>
      <c r="O182" s="37"/>
      <c r="P182" s="37"/>
      <c r="Q182" s="37"/>
      <c r="R182" s="37"/>
      <c r="S182" s="37"/>
      <c r="T182" s="37"/>
      <c r="U182" s="37"/>
      <c r="V182" s="37"/>
      <c r="W182" s="37"/>
    </row>
    <row r="183" spans="1:23">
      <c r="B183" s="37"/>
      <c r="E183" s="37"/>
      <c r="F183" s="37"/>
      <c r="G183" s="37"/>
      <c r="H183" s="37"/>
      <c r="I183" s="37"/>
      <c r="J183" s="37"/>
      <c r="K183" s="37"/>
      <c r="L183" s="37"/>
      <c r="M183" s="37"/>
      <c r="N183" s="37"/>
      <c r="O183" s="37"/>
      <c r="P183" s="37"/>
      <c r="Q183" s="37"/>
      <c r="R183" s="37"/>
      <c r="S183" s="37"/>
      <c r="T183" s="37"/>
      <c r="U183" s="37"/>
      <c r="V183" s="37"/>
      <c r="W183" s="37"/>
    </row>
    <row r="184" spans="1:23" ht="18">
      <c r="A184" s="93" t="s">
        <v>110</v>
      </c>
      <c r="B184" s="37"/>
      <c r="E184" s="37"/>
      <c r="F184" s="37"/>
      <c r="G184" s="37"/>
      <c r="H184" s="37"/>
      <c r="I184" s="37"/>
      <c r="J184" s="37"/>
      <c r="K184" s="37"/>
      <c r="L184" s="37"/>
      <c r="M184" s="37"/>
      <c r="N184" s="37"/>
      <c r="O184" s="37"/>
      <c r="P184" s="37"/>
      <c r="Q184" s="37"/>
      <c r="R184" s="37"/>
      <c r="S184" s="37"/>
      <c r="T184" s="37"/>
      <c r="U184" s="37"/>
      <c r="V184" s="37"/>
      <c r="W184" s="37"/>
    </row>
    <row r="185" spans="1:23">
      <c r="A185" s="29" t="s">
        <v>42</v>
      </c>
      <c r="B185" s="30"/>
      <c r="C185" s="20"/>
      <c r="D185" s="30"/>
      <c r="E185" s="30"/>
      <c r="F185" s="31" t="s">
        <v>4</v>
      </c>
      <c r="G185" s="31" t="s">
        <v>5</v>
      </c>
      <c r="H185" s="31" t="s">
        <v>6</v>
      </c>
      <c r="I185" s="31" t="s">
        <v>7</v>
      </c>
      <c r="J185" s="31" t="s">
        <v>8</v>
      </c>
      <c r="K185" s="31" t="s">
        <v>9</v>
      </c>
      <c r="L185" s="31" t="s">
        <v>10</v>
      </c>
      <c r="M185" s="31" t="s">
        <v>11</v>
      </c>
      <c r="N185" s="31" t="s">
        <v>12</v>
      </c>
      <c r="O185" s="31" t="s">
        <v>13</v>
      </c>
      <c r="P185" s="31" t="s">
        <v>14</v>
      </c>
      <c r="Q185" s="31" t="s">
        <v>15</v>
      </c>
      <c r="R185" s="31" t="s">
        <v>16</v>
      </c>
      <c r="S185" s="31" t="s">
        <v>17</v>
      </c>
      <c r="T185" s="31" t="s">
        <v>18</v>
      </c>
      <c r="U185" s="31" t="s">
        <v>19</v>
      </c>
      <c r="V185" s="31" t="s">
        <v>20</v>
      </c>
      <c r="W185" s="31" t="s">
        <v>21</v>
      </c>
    </row>
    <row r="186" spans="1:23">
      <c r="A186" s="22" t="s">
        <v>46</v>
      </c>
      <c r="B186" s="32"/>
      <c r="C186" s="23"/>
      <c r="D186" s="24"/>
      <c r="E186" s="24"/>
      <c r="F186" s="32">
        <v>214834.15149075008</v>
      </c>
      <c r="G186" s="32">
        <v>281450.94149075006</v>
      </c>
      <c r="H186" s="32">
        <v>348067.7314907501</v>
      </c>
      <c r="I186" s="32">
        <v>414684.52149075014</v>
      </c>
      <c r="J186" s="32">
        <v>481301.31149075017</v>
      </c>
      <c r="K186" s="32">
        <v>333083.95000000007</v>
      </c>
      <c r="L186" s="32">
        <v>333083.95000000007</v>
      </c>
      <c r="M186" s="32">
        <v>333083.95000000007</v>
      </c>
      <c r="N186" s="32">
        <v>333083.95000000007</v>
      </c>
      <c r="O186" s="32">
        <v>333083.95000000007</v>
      </c>
      <c r="P186" s="32">
        <v>333083.95000000007</v>
      </c>
      <c r="Q186" s="32">
        <v>333083.95000000007</v>
      </c>
      <c r="R186" s="32">
        <v>333083.95000000007</v>
      </c>
      <c r="S186" s="32">
        <v>333083.95000000007</v>
      </c>
      <c r="T186" s="32">
        <v>333083.95000000007</v>
      </c>
      <c r="U186" s="32">
        <v>333083.95000000007</v>
      </c>
      <c r="V186" s="32">
        <v>333083.95000000007</v>
      </c>
      <c r="W186" s="32">
        <v>333083.95000000007</v>
      </c>
    </row>
    <row r="187" spans="1:23">
      <c r="A187" s="22" t="s">
        <v>47</v>
      </c>
      <c r="B187" s="32"/>
      <c r="C187" s="23"/>
      <c r="D187" s="24"/>
      <c r="E187" s="24"/>
      <c r="F187" s="32">
        <v>143805.19087350002</v>
      </c>
      <c r="G187" s="32">
        <v>200202.70087350003</v>
      </c>
      <c r="H187" s="32">
        <v>256600.21087350004</v>
      </c>
      <c r="I187" s="32">
        <v>312997.72087350005</v>
      </c>
      <c r="J187" s="32">
        <v>369395.23087350006</v>
      </c>
      <c r="K187" s="32">
        <v>281987.55</v>
      </c>
      <c r="L187" s="32">
        <v>281987.55</v>
      </c>
      <c r="M187" s="32">
        <v>281987.55</v>
      </c>
      <c r="N187" s="32">
        <v>281987.55</v>
      </c>
      <c r="O187" s="32">
        <v>281987.55</v>
      </c>
      <c r="P187" s="32">
        <v>281987.55</v>
      </c>
      <c r="Q187" s="32">
        <v>281987.55</v>
      </c>
      <c r="R187" s="32">
        <v>281987.55</v>
      </c>
      <c r="S187" s="32">
        <v>281987.55</v>
      </c>
      <c r="T187" s="32">
        <v>281987.55</v>
      </c>
      <c r="U187" s="32">
        <v>281987.55</v>
      </c>
      <c r="V187" s="32">
        <v>281987.55</v>
      </c>
      <c r="W187" s="32">
        <v>281987.55</v>
      </c>
    </row>
    <row r="188" spans="1:23">
      <c r="A188" s="22" t="s">
        <v>48</v>
      </c>
      <c r="B188" s="32"/>
      <c r="C188" s="23"/>
      <c r="D188" s="24"/>
      <c r="E188" s="24"/>
      <c r="F188" s="32">
        <v>227752.77535065002</v>
      </c>
      <c r="G188" s="32">
        <v>298375.43335065001</v>
      </c>
      <c r="H188" s="32">
        <v>368998.09135065001</v>
      </c>
      <c r="I188" s="32">
        <v>439620.74935065</v>
      </c>
      <c r="J188" s="32">
        <v>510243.40735065</v>
      </c>
      <c r="K188" s="32">
        <v>353113.29</v>
      </c>
      <c r="L188" s="32">
        <v>353113.29</v>
      </c>
      <c r="M188" s="32">
        <v>353113.29</v>
      </c>
      <c r="N188" s="32">
        <v>353113.29</v>
      </c>
      <c r="O188" s="32">
        <v>353113.29</v>
      </c>
      <c r="P188" s="32">
        <v>353113.29</v>
      </c>
      <c r="Q188" s="32">
        <v>353113.29</v>
      </c>
      <c r="R188" s="32">
        <v>353113.29</v>
      </c>
      <c r="S188" s="32">
        <v>353113.29</v>
      </c>
      <c r="T188" s="32">
        <v>353113.29</v>
      </c>
      <c r="U188" s="32">
        <v>353113.29</v>
      </c>
      <c r="V188" s="32">
        <v>353113.29</v>
      </c>
      <c r="W188" s="32">
        <v>353113.29</v>
      </c>
    </row>
    <row r="189" spans="1:23">
      <c r="A189" s="22" t="s">
        <v>49</v>
      </c>
      <c r="B189" s="32"/>
      <c r="C189" s="23"/>
      <c r="D189" s="24"/>
      <c r="E189" s="24"/>
      <c r="F189" s="32">
        <v>333062.83667250007</v>
      </c>
      <c r="G189" s="32">
        <v>436340.53667250008</v>
      </c>
      <c r="H189" s="32">
        <v>539618.23667250003</v>
      </c>
      <c r="I189" s="32">
        <v>642895.93667249999</v>
      </c>
      <c r="J189" s="32">
        <v>746173.63667249994</v>
      </c>
      <c r="K189" s="32">
        <v>516388.5</v>
      </c>
      <c r="L189" s="32">
        <v>516388.5</v>
      </c>
      <c r="M189" s="32">
        <v>516388.5</v>
      </c>
      <c r="N189" s="32">
        <v>516388.5</v>
      </c>
      <c r="O189" s="32">
        <v>516388.5</v>
      </c>
      <c r="P189" s="32">
        <v>516388.5</v>
      </c>
      <c r="Q189" s="32">
        <v>516388.5</v>
      </c>
      <c r="R189" s="32">
        <v>516388.5</v>
      </c>
      <c r="S189" s="32">
        <v>516388.5</v>
      </c>
      <c r="T189" s="32">
        <v>516388.5</v>
      </c>
      <c r="U189" s="32">
        <v>516388.5</v>
      </c>
      <c r="V189" s="32">
        <v>516388.5</v>
      </c>
      <c r="W189" s="32">
        <v>516388.5</v>
      </c>
    </row>
    <row r="190" spans="1:23">
      <c r="A190" s="22" t="s">
        <v>50</v>
      </c>
      <c r="B190" s="32"/>
      <c r="C190" s="23"/>
      <c r="D190" s="24"/>
      <c r="E190" s="24"/>
      <c r="F190" s="32">
        <v>393870.53900700004</v>
      </c>
      <c r="G190" s="32">
        <v>516003.77900700003</v>
      </c>
      <c r="H190" s="32">
        <v>638137.01900700002</v>
      </c>
      <c r="I190" s="32">
        <v>760270.25900700002</v>
      </c>
      <c r="J190" s="32">
        <v>882403.49900700001</v>
      </c>
      <c r="K190" s="32">
        <v>610666.19999999995</v>
      </c>
      <c r="L190" s="32">
        <v>610666.19999999995</v>
      </c>
      <c r="M190" s="32">
        <v>610666.19999999995</v>
      </c>
      <c r="N190" s="32">
        <v>610666.19999999995</v>
      </c>
      <c r="O190" s="32">
        <v>610666.19999999995</v>
      </c>
      <c r="P190" s="32">
        <v>610666.19999999995</v>
      </c>
      <c r="Q190" s="32">
        <v>610666.19999999995</v>
      </c>
      <c r="R190" s="32">
        <v>610666.19999999995</v>
      </c>
      <c r="S190" s="32">
        <v>610666.19999999995</v>
      </c>
      <c r="T190" s="32">
        <v>610666.19999999995</v>
      </c>
      <c r="U190" s="32">
        <v>610666.19999999995</v>
      </c>
      <c r="V190" s="32">
        <v>610666.19999999995</v>
      </c>
      <c r="W190" s="32">
        <v>610666.19999999995</v>
      </c>
    </row>
    <row r="191" spans="1:23">
      <c r="A191" s="22" t="s">
        <v>51</v>
      </c>
      <c r="B191" s="32"/>
      <c r="C191" s="23"/>
      <c r="D191" s="24"/>
      <c r="E191" s="24"/>
      <c r="F191" s="32">
        <v>592002.44918100012</v>
      </c>
      <c r="G191" s="32">
        <v>775573.36918100016</v>
      </c>
      <c r="H191" s="32">
        <v>959144.28918100009</v>
      </c>
      <c r="I191" s="32">
        <v>1142715.209181</v>
      </c>
      <c r="J191" s="32">
        <v>1326286.1291809999</v>
      </c>
      <c r="K191" s="32">
        <v>917854.59999999986</v>
      </c>
      <c r="L191" s="32">
        <v>917854.59999999986</v>
      </c>
      <c r="M191" s="32">
        <v>917854.59999999986</v>
      </c>
      <c r="N191" s="32">
        <v>917854.59999999986</v>
      </c>
      <c r="O191" s="32">
        <v>917854.59999999986</v>
      </c>
      <c r="P191" s="32">
        <v>917854.59999999986</v>
      </c>
      <c r="Q191" s="32">
        <v>917854.59999999986</v>
      </c>
      <c r="R191" s="32">
        <v>917854.59999999986</v>
      </c>
      <c r="S191" s="32">
        <v>917854.59999999986</v>
      </c>
      <c r="T191" s="32">
        <v>917854.59999999986</v>
      </c>
      <c r="U191" s="32">
        <v>917854.59999999986</v>
      </c>
      <c r="V191" s="32">
        <v>917854.59999999986</v>
      </c>
      <c r="W191" s="32">
        <v>917854.59999999986</v>
      </c>
    </row>
    <row r="192" spans="1:23">
      <c r="A192" s="22" t="s">
        <v>52</v>
      </c>
      <c r="B192" s="32"/>
      <c r="C192" s="23"/>
      <c r="D192" s="24"/>
      <c r="E192" s="24"/>
      <c r="F192" s="32">
        <v>1194781.1849597997</v>
      </c>
      <c r="G192" s="32">
        <v>1194781.1849597997</v>
      </c>
      <c r="H192" s="32">
        <v>1194781.1849597997</v>
      </c>
      <c r="I192" s="32">
        <v>1194781.1849597997</v>
      </c>
      <c r="J192" s="32">
        <v>1194781.1849597997</v>
      </c>
      <c r="K192" s="32">
        <v>0</v>
      </c>
      <c r="L192" s="32">
        <v>188628.31599999999</v>
      </c>
      <c r="M192" s="32">
        <v>377256.63199999998</v>
      </c>
      <c r="N192" s="32">
        <v>565884.94799999997</v>
      </c>
      <c r="O192" s="32">
        <v>754513.26399999997</v>
      </c>
      <c r="P192" s="32">
        <v>1886283.16</v>
      </c>
      <c r="Q192" s="32">
        <v>1697654.844</v>
      </c>
      <c r="R192" s="32">
        <v>1509026.5279999999</v>
      </c>
      <c r="S192" s="32">
        <v>1320398.2119999998</v>
      </c>
      <c r="T192" s="32">
        <v>1131769.8959999999</v>
      </c>
      <c r="U192" s="32">
        <v>0</v>
      </c>
      <c r="V192" s="32">
        <v>188628.31599999999</v>
      </c>
      <c r="W192" s="32">
        <v>377256.63199999998</v>
      </c>
    </row>
    <row r="193" spans="1:23">
      <c r="A193" s="22" t="s">
        <v>54</v>
      </c>
      <c r="B193" s="32"/>
      <c r="C193" s="23"/>
      <c r="D193" s="24"/>
      <c r="E193" s="24"/>
      <c r="F193" s="32">
        <v>1239264.3440109</v>
      </c>
      <c r="G193" s="32">
        <v>1239264.3440109</v>
      </c>
      <c r="H193" s="32">
        <v>1239264.3440109</v>
      </c>
      <c r="I193" s="32">
        <v>1239264.3440109</v>
      </c>
      <c r="J193" s="32">
        <v>1239264.3440109</v>
      </c>
      <c r="K193" s="32">
        <v>0</v>
      </c>
      <c r="L193" s="32">
        <v>195651.17800000001</v>
      </c>
      <c r="M193" s="32">
        <v>391302.35600000003</v>
      </c>
      <c r="N193" s="32">
        <v>586953.53399999999</v>
      </c>
      <c r="O193" s="32">
        <v>782604.71200000006</v>
      </c>
      <c r="P193" s="32">
        <v>1956511.78</v>
      </c>
      <c r="Q193" s="32">
        <v>1760860.602</v>
      </c>
      <c r="R193" s="32">
        <v>1565209.4240000001</v>
      </c>
      <c r="S193" s="32">
        <v>1369558.246</v>
      </c>
      <c r="T193" s="32">
        <v>1173907.068</v>
      </c>
      <c r="U193" s="32">
        <v>0</v>
      </c>
      <c r="V193" s="32">
        <v>195651.17800000001</v>
      </c>
      <c r="W193" s="32">
        <v>391302.35600000003</v>
      </c>
    </row>
    <row r="194" spans="1:23">
      <c r="A194" s="26" t="s">
        <v>55</v>
      </c>
      <c r="B194" s="34"/>
      <c r="C194" s="13"/>
      <c r="D194" s="36"/>
      <c r="E194" s="36"/>
      <c r="F194" s="34">
        <v>756417.59433405008</v>
      </c>
      <c r="G194" s="34">
        <v>990971.14033405005</v>
      </c>
      <c r="H194" s="34">
        <v>1225524.68633405</v>
      </c>
      <c r="I194" s="34">
        <v>1460078.2323340501</v>
      </c>
      <c r="J194" s="34">
        <v>1694631.7783340502</v>
      </c>
      <c r="K194" s="34">
        <v>1172767.73</v>
      </c>
      <c r="L194" s="34">
        <v>1172767.73</v>
      </c>
      <c r="M194" s="34">
        <v>1172767.73</v>
      </c>
      <c r="N194" s="34">
        <v>1172767.73</v>
      </c>
      <c r="O194" s="34">
        <v>1172767.73</v>
      </c>
      <c r="P194" s="32">
        <v>1172767.73</v>
      </c>
      <c r="Q194" s="32">
        <v>1172767.73</v>
      </c>
      <c r="R194" s="32">
        <v>1172767.73</v>
      </c>
      <c r="S194" s="32">
        <v>1172767.73</v>
      </c>
      <c r="T194" s="32">
        <v>1172767.73</v>
      </c>
      <c r="U194" s="32">
        <v>1172767.73</v>
      </c>
      <c r="V194" s="32">
        <v>1172767.73</v>
      </c>
      <c r="W194" s="32">
        <v>1172767.73</v>
      </c>
    </row>
    <row r="195" spans="1:23">
      <c r="B195" s="37"/>
      <c r="F195" s="37"/>
      <c r="G195" s="37"/>
      <c r="H195" s="37"/>
      <c r="I195" s="37"/>
      <c r="J195" s="37"/>
      <c r="K195" s="37"/>
      <c r="L195" s="37"/>
      <c r="M195" s="37"/>
      <c r="N195" s="37"/>
      <c r="O195" s="37"/>
      <c r="P195" s="37"/>
      <c r="Q195" s="37"/>
      <c r="R195" s="37"/>
      <c r="S195" s="37"/>
      <c r="T195" s="37"/>
      <c r="U195" s="37"/>
      <c r="V195" s="37"/>
      <c r="W195" s="37"/>
    </row>
    <row r="196" spans="1:23" ht="18">
      <c r="A196" s="93" t="s">
        <v>111</v>
      </c>
    </row>
    <row r="197" spans="1:23" ht="22.5">
      <c r="A197" s="29" t="s">
        <v>42</v>
      </c>
      <c r="B197" s="30" t="s">
        <v>43</v>
      </c>
      <c r="C197" s="20" t="s">
        <v>44</v>
      </c>
      <c r="D197" s="30" t="s">
        <v>45</v>
      </c>
      <c r="E197" s="31" t="s">
        <v>3</v>
      </c>
      <c r="F197" s="31" t="s">
        <v>4</v>
      </c>
      <c r="G197" s="31" t="s">
        <v>5</v>
      </c>
      <c r="H197" s="31" t="s">
        <v>6</v>
      </c>
      <c r="I197" s="31" t="s">
        <v>7</v>
      </c>
      <c r="J197" s="31" t="s">
        <v>8</v>
      </c>
      <c r="K197" s="31" t="s">
        <v>9</v>
      </c>
      <c r="L197" s="31" t="s">
        <v>10</v>
      </c>
      <c r="M197" s="31" t="s">
        <v>11</v>
      </c>
      <c r="N197" s="31" t="s">
        <v>12</v>
      </c>
      <c r="O197" s="31" t="s">
        <v>13</v>
      </c>
      <c r="P197" s="31" t="s">
        <v>14</v>
      </c>
      <c r="Q197" s="31" t="s">
        <v>15</v>
      </c>
      <c r="R197" s="31" t="s">
        <v>16</v>
      </c>
      <c r="S197" s="31" t="s">
        <v>17</v>
      </c>
      <c r="T197" s="31" t="s">
        <v>18</v>
      </c>
      <c r="U197" s="31" t="s">
        <v>19</v>
      </c>
      <c r="V197" s="31" t="s">
        <v>20</v>
      </c>
      <c r="W197" s="31" t="s">
        <v>21</v>
      </c>
    </row>
    <row r="198" spans="1:23">
      <c r="A198" s="22" t="s">
        <v>46</v>
      </c>
      <c r="B198" s="32">
        <v>333083.95</v>
      </c>
      <c r="C198" s="23">
        <v>10</v>
      </c>
      <c r="D198" s="24">
        <v>0</v>
      </c>
      <c r="E198" s="32"/>
      <c r="F198" s="32">
        <v>14156.067875000001</v>
      </c>
      <c r="G198" s="32">
        <v>14156.067875000001</v>
      </c>
      <c r="H198" s="32">
        <v>14156.067875000001</v>
      </c>
      <c r="I198" s="32">
        <v>14156.067875000001</v>
      </c>
      <c r="J198" s="32">
        <v>14156.067875000001</v>
      </c>
      <c r="K198" s="32">
        <v>14156.067875000001</v>
      </c>
      <c r="L198" s="32">
        <v>14156.067875000001</v>
      </c>
      <c r="M198" s="32">
        <v>14156.067875000001</v>
      </c>
      <c r="N198" s="32">
        <v>14156.067875000001</v>
      </c>
      <c r="O198" s="32">
        <v>14156.067875000001</v>
      </c>
      <c r="P198" s="32">
        <v>14156.067875000001</v>
      </c>
      <c r="Q198" s="32">
        <v>14156.067875000001</v>
      </c>
      <c r="R198" s="32">
        <v>14156.067875000001</v>
      </c>
      <c r="S198" s="32">
        <v>14156.067875000001</v>
      </c>
      <c r="T198" s="32">
        <v>14156.067875000001</v>
      </c>
      <c r="U198" s="32">
        <v>14156.067875000001</v>
      </c>
      <c r="V198" s="32">
        <v>14156.067875000001</v>
      </c>
      <c r="W198" s="32">
        <v>14156.067875000001</v>
      </c>
    </row>
    <row r="199" spans="1:23">
      <c r="A199" s="22" t="s">
        <v>47</v>
      </c>
      <c r="B199" s="32">
        <v>281987.55</v>
      </c>
      <c r="C199" s="23">
        <v>7</v>
      </c>
      <c r="D199" s="24">
        <v>0</v>
      </c>
      <c r="E199" s="32"/>
      <c r="F199" s="32">
        <v>23968.941750000002</v>
      </c>
      <c r="G199" s="32">
        <v>23968.941750000002</v>
      </c>
      <c r="H199" s="32">
        <v>23968.941750000002</v>
      </c>
      <c r="I199" s="32">
        <v>23968.941750000002</v>
      </c>
      <c r="J199" s="32">
        <v>23968.941750000002</v>
      </c>
      <c r="K199" s="32">
        <v>23968.941750000002</v>
      </c>
      <c r="L199" s="32">
        <v>23968.941750000002</v>
      </c>
      <c r="M199" s="32">
        <v>23968.941750000002</v>
      </c>
      <c r="N199" s="32">
        <v>23968.941750000002</v>
      </c>
      <c r="O199" s="32">
        <v>23968.941750000002</v>
      </c>
      <c r="P199" s="32">
        <v>23968.941750000002</v>
      </c>
      <c r="Q199" s="32">
        <v>23968.941750000002</v>
      </c>
      <c r="R199" s="32">
        <v>23968.941750000002</v>
      </c>
      <c r="S199" s="32">
        <v>23968.941750000002</v>
      </c>
      <c r="T199" s="32">
        <v>23968.941750000002</v>
      </c>
      <c r="U199" s="32">
        <v>23968.941750000002</v>
      </c>
      <c r="V199" s="32">
        <v>23968.941750000002</v>
      </c>
      <c r="W199" s="32">
        <v>23968.941750000002</v>
      </c>
    </row>
    <row r="200" spans="1:23">
      <c r="A200" s="22" t="s">
        <v>48</v>
      </c>
      <c r="B200" s="32">
        <v>353113.29</v>
      </c>
      <c r="C200" s="23">
        <v>10</v>
      </c>
      <c r="D200" s="24">
        <v>0</v>
      </c>
      <c r="E200" s="32"/>
      <c r="F200" s="32">
        <v>15007.314824999999</v>
      </c>
      <c r="G200" s="32">
        <v>15007.314824999999</v>
      </c>
      <c r="H200" s="32">
        <v>15007.314824999999</v>
      </c>
      <c r="I200" s="32">
        <v>15007.314824999999</v>
      </c>
      <c r="J200" s="32">
        <v>15007.314824999999</v>
      </c>
      <c r="K200" s="32">
        <v>15007.314824999999</v>
      </c>
      <c r="L200" s="32">
        <v>15007.314824999999</v>
      </c>
      <c r="M200" s="32">
        <v>15007.314824999999</v>
      </c>
      <c r="N200" s="32">
        <v>15007.314824999999</v>
      </c>
      <c r="O200" s="32">
        <v>15007.314824999999</v>
      </c>
      <c r="P200" s="32">
        <v>15007.314824999999</v>
      </c>
      <c r="Q200" s="32">
        <v>15007.314824999999</v>
      </c>
      <c r="R200" s="32">
        <v>15007.314824999999</v>
      </c>
      <c r="S200" s="32">
        <v>15007.314824999999</v>
      </c>
      <c r="T200" s="32">
        <v>15007.314824999999</v>
      </c>
      <c r="U200" s="32">
        <v>15007.314824999999</v>
      </c>
      <c r="V200" s="32">
        <v>15007.314824999999</v>
      </c>
      <c r="W200" s="32">
        <v>15007.314824999999</v>
      </c>
    </row>
    <row r="201" spans="1:23">
      <c r="A201" s="22" t="s">
        <v>49</v>
      </c>
      <c r="B201" s="32">
        <v>516388.5</v>
      </c>
      <c r="C201" s="23">
        <v>10</v>
      </c>
      <c r="D201" s="24">
        <v>0</v>
      </c>
      <c r="E201" s="32"/>
      <c r="F201" s="32">
        <v>21946.511250000003</v>
      </c>
      <c r="G201" s="32">
        <v>21946.511250000003</v>
      </c>
      <c r="H201" s="32">
        <v>21946.511250000003</v>
      </c>
      <c r="I201" s="32">
        <v>21946.511250000003</v>
      </c>
      <c r="J201" s="32">
        <v>21946.511250000003</v>
      </c>
      <c r="K201" s="32">
        <v>21946.511250000003</v>
      </c>
      <c r="L201" s="32">
        <v>21946.511250000003</v>
      </c>
      <c r="M201" s="32">
        <v>21946.511250000003</v>
      </c>
      <c r="N201" s="32">
        <v>21946.511250000003</v>
      </c>
      <c r="O201" s="32">
        <v>21946.511250000003</v>
      </c>
      <c r="P201" s="32">
        <v>21946.511250000003</v>
      </c>
      <c r="Q201" s="32">
        <v>21946.511250000003</v>
      </c>
      <c r="R201" s="32">
        <v>21946.511250000003</v>
      </c>
      <c r="S201" s="32">
        <v>21946.511250000003</v>
      </c>
      <c r="T201" s="32">
        <v>21946.511250000003</v>
      </c>
      <c r="U201" s="32">
        <v>21946.511250000003</v>
      </c>
      <c r="V201" s="32">
        <v>21946.511250000003</v>
      </c>
      <c r="W201" s="32">
        <v>21946.511250000003</v>
      </c>
    </row>
    <row r="202" spans="1:23">
      <c r="A202" s="22" t="s">
        <v>50</v>
      </c>
      <c r="B202" s="32">
        <v>610666.19999999995</v>
      </c>
      <c r="C202" s="23">
        <v>10</v>
      </c>
      <c r="D202" s="24">
        <v>0</v>
      </c>
      <c r="E202" s="32"/>
      <c r="F202" s="32">
        <v>25953.313499999997</v>
      </c>
      <c r="G202" s="32">
        <v>25953.313499999997</v>
      </c>
      <c r="H202" s="32">
        <v>25953.313499999997</v>
      </c>
      <c r="I202" s="32">
        <v>25953.313499999997</v>
      </c>
      <c r="J202" s="32">
        <v>25953.313499999997</v>
      </c>
      <c r="K202" s="32">
        <v>25953.313499999997</v>
      </c>
      <c r="L202" s="32">
        <v>25953.313499999997</v>
      </c>
      <c r="M202" s="32">
        <v>25953.313499999997</v>
      </c>
      <c r="N202" s="32">
        <v>25953.313499999997</v>
      </c>
      <c r="O202" s="32">
        <v>25953.313499999997</v>
      </c>
      <c r="P202" s="32">
        <v>25953.313499999997</v>
      </c>
      <c r="Q202" s="32">
        <v>25953.313499999997</v>
      </c>
      <c r="R202" s="32">
        <v>25953.313499999997</v>
      </c>
      <c r="S202" s="32">
        <v>25953.313499999997</v>
      </c>
      <c r="T202" s="32">
        <v>25953.313499999997</v>
      </c>
      <c r="U202" s="32">
        <v>25953.313499999997</v>
      </c>
      <c r="V202" s="32">
        <v>25953.313499999997</v>
      </c>
      <c r="W202" s="32">
        <v>25953.313499999997</v>
      </c>
    </row>
    <row r="203" spans="1:23">
      <c r="A203" s="22" t="s">
        <v>51</v>
      </c>
      <c r="B203" s="32">
        <v>917854.6</v>
      </c>
      <c r="C203" s="33">
        <v>10</v>
      </c>
      <c r="D203" s="24">
        <v>0</v>
      </c>
      <c r="E203" s="32"/>
      <c r="F203" s="32">
        <v>39008.820500000002</v>
      </c>
      <c r="G203" s="32">
        <v>39008.820500000002</v>
      </c>
      <c r="H203" s="32">
        <v>39008.820500000002</v>
      </c>
      <c r="I203" s="32">
        <v>39008.820500000002</v>
      </c>
      <c r="J203" s="32">
        <v>39008.820500000002</v>
      </c>
      <c r="K203" s="32">
        <v>39008.820500000002</v>
      </c>
      <c r="L203" s="32">
        <v>39008.820500000002</v>
      </c>
      <c r="M203" s="32">
        <v>39008.820500000002</v>
      </c>
      <c r="N203" s="32">
        <v>39008.820500000002</v>
      </c>
      <c r="O203" s="32">
        <v>39008.820500000002</v>
      </c>
      <c r="P203" s="32">
        <v>39008.820500000002</v>
      </c>
      <c r="Q203" s="32">
        <v>39008.820500000002</v>
      </c>
      <c r="R203" s="32">
        <v>39008.820500000002</v>
      </c>
      <c r="S203" s="32">
        <v>39008.820500000002</v>
      </c>
      <c r="T203" s="32">
        <v>39008.820500000002</v>
      </c>
      <c r="U203" s="32">
        <v>39008.820500000002</v>
      </c>
      <c r="V203" s="32">
        <v>39008.820500000002</v>
      </c>
      <c r="W203" s="32">
        <v>39008.820500000002</v>
      </c>
    </row>
    <row r="204" spans="1:23">
      <c r="A204" s="22" t="s">
        <v>52</v>
      </c>
      <c r="B204" s="32">
        <v>943141.58</v>
      </c>
      <c r="C204" s="33" t="s">
        <v>53</v>
      </c>
      <c r="D204" s="24">
        <v>0</v>
      </c>
      <c r="E204" s="32"/>
      <c r="F204" s="32">
        <v>0</v>
      </c>
      <c r="G204" s="32">
        <v>0</v>
      </c>
      <c r="H204" s="32">
        <v>0</v>
      </c>
      <c r="I204" s="32">
        <v>0</v>
      </c>
      <c r="J204" s="32">
        <v>0</v>
      </c>
      <c r="K204" s="32">
        <v>40083.51715</v>
      </c>
      <c r="L204" s="32">
        <v>40083.51715</v>
      </c>
      <c r="M204" s="32">
        <v>40083.51715</v>
      </c>
      <c r="N204" s="32">
        <v>40083.51715</v>
      </c>
      <c r="O204" s="32">
        <v>240501.10290000003</v>
      </c>
      <c r="P204" s="32">
        <v>0</v>
      </c>
      <c r="Q204" s="32">
        <v>0</v>
      </c>
      <c r="R204" s="32">
        <v>0</v>
      </c>
      <c r="S204" s="32">
        <v>0</v>
      </c>
      <c r="T204" s="32">
        <v>0</v>
      </c>
      <c r="U204" s="32">
        <v>40083.51715</v>
      </c>
      <c r="V204" s="32">
        <v>40083.51715</v>
      </c>
      <c r="W204" s="32">
        <v>40083.51715</v>
      </c>
    </row>
    <row r="205" spans="1:23">
      <c r="A205" s="22" t="s">
        <v>54</v>
      </c>
      <c r="B205" s="32">
        <v>978255.89</v>
      </c>
      <c r="C205" s="33" t="s">
        <v>53</v>
      </c>
      <c r="D205" s="24">
        <v>0</v>
      </c>
      <c r="E205" s="32"/>
      <c r="F205" s="32">
        <v>0</v>
      </c>
      <c r="G205" s="32">
        <v>0</v>
      </c>
      <c r="H205" s="32">
        <v>0</v>
      </c>
      <c r="I205" s="32">
        <v>0</v>
      </c>
      <c r="J205" s="32">
        <v>0</v>
      </c>
      <c r="K205" s="32">
        <v>41575.875325000001</v>
      </c>
      <c r="L205" s="32">
        <v>41575.875325000001</v>
      </c>
      <c r="M205" s="32">
        <v>41575.875325000001</v>
      </c>
      <c r="N205" s="32">
        <v>41575.875325000001</v>
      </c>
      <c r="O205" s="32">
        <v>249455.25195000003</v>
      </c>
      <c r="P205" s="32">
        <v>0</v>
      </c>
      <c r="Q205" s="32">
        <v>0</v>
      </c>
      <c r="R205" s="32">
        <v>0</v>
      </c>
      <c r="S205" s="32">
        <v>0</v>
      </c>
      <c r="T205" s="32">
        <v>0</v>
      </c>
      <c r="U205" s="32">
        <v>41575.875325000001</v>
      </c>
      <c r="V205" s="32">
        <v>41575.875325000001</v>
      </c>
      <c r="W205" s="32">
        <v>41575.875325000001</v>
      </c>
    </row>
    <row r="206" spans="1:23">
      <c r="A206" s="26" t="s">
        <v>55</v>
      </c>
      <c r="B206" s="34">
        <v>1172767.73</v>
      </c>
      <c r="C206" s="35">
        <v>10</v>
      </c>
      <c r="D206" s="36">
        <v>0</v>
      </c>
      <c r="E206" s="34"/>
      <c r="F206" s="34">
        <v>49842.628525</v>
      </c>
      <c r="G206" s="34">
        <v>49842.628525</v>
      </c>
      <c r="H206" s="34">
        <v>49842.628525</v>
      </c>
      <c r="I206" s="34">
        <v>49842.628525</v>
      </c>
      <c r="J206" s="34">
        <v>49842.628525</v>
      </c>
      <c r="K206" s="34">
        <v>49842.628525</v>
      </c>
      <c r="L206" s="34">
        <v>49842.628525</v>
      </c>
      <c r="M206" s="34">
        <v>49842.628525</v>
      </c>
      <c r="N206" s="34">
        <v>49842.628525</v>
      </c>
      <c r="O206" s="34">
        <v>49842.628525</v>
      </c>
      <c r="P206" s="34">
        <v>49842.628525</v>
      </c>
      <c r="Q206" s="34">
        <v>49842.628525</v>
      </c>
      <c r="R206" s="34">
        <v>49842.628525</v>
      </c>
      <c r="S206" s="34">
        <v>49842.628525</v>
      </c>
      <c r="T206" s="34">
        <v>49842.628525</v>
      </c>
      <c r="U206" s="34">
        <v>49842.628525</v>
      </c>
      <c r="V206" s="34">
        <v>49842.628525</v>
      </c>
      <c r="W206" s="34">
        <v>49842.628525</v>
      </c>
    </row>
    <row r="248" spans="11:11" ht="12.75">
      <c r="K248" s="102"/>
    </row>
    <row r="251" spans="11:11" ht="12.75">
      <c r="K251" s="119" t="s">
        <v>129</v>
      </c>
    </row>
  </sheetData>
  <pageMargins left="0.83718749999999997" right="0.17" top="0.24" bottom="0.16" header="0.17" footer="0.31496062992125984"/>
  <pageSetup paperSize="9" scale="57" orientation="landscape" r:id="rId1"/>
  <rowBreaks count="2" manualBreakCount="2">
    <brk id="84" max="22" man="1"/>
    <brk id="167" max="22" man="1"/>
  </rowBreaks>
  <drawing r:id="rId2"/>
  <legacyDrawing r:id="rId3"/>
</worksheet>
</file>

<file path=xl/worksheets/sheet4.xml><?xml version="1.0" encoding="utf-8"?>
<worksheet xmlns="http://schemas.openxmlformats.org/spreadsheetml/2006/main" xmlns:r="http://schemas.openxmlformats.org/officeDocument/2006/relationships">
  <sheetPr codeName="Plan10"/>
  <dimension ref="A1:V88"/>
  <sheetViews>
    <sheetView view="pageBreakPreview" topLeftCell="A22" zoomScale="80" zoomScaleNormal="100" zoomScaleSheetLayoutView="80" workbookViewId="0">
      <selection activeCell="K88" sqref="K88"/>
    </sheetView>
  </sheetViews>
  <sheetFormatPr defaultRowHeight="11.25"/>
  <cols>
    <col min="1" max="1" width="34.85546875" style="2" customWidth="1"/>
    <col min="2" max="2" width="11.85546875" style="2" bestFit="1" customWidth="1"/>
    <col min="3" max="3" width="11.5703125" style="2" bestFit="1" customWidth="1"/>
    <col min="4" max="22" width="10.5703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22.5" customHeight="1">
      <c r="A1" s="93" t="s">
        <v>56</v>
      </c>
    </row>
    <row r="4" spans="1:22" ht="18">
      <c r="A4" s="93" t="s">
        <v>112</v>
      </c>
    </row>
    <row r="5" spans="1:22" ht="15.75">
      <c r="A5" s="105" t="s">
        <v>47</v>
      </c>
    </row>
    <row r="6" spans="1:22" ht="15.75">
      <c r="A6" s="94" t="s">
        <v>113</v>
      </c>
    </row>
    <row r="7" spans="1:22" ht="12.75">
      <c r="A7" s="106" t="s">
        <v>57</v>
      </c>
      <c r="B7" s="107"/>
      <c r="C7" s="108">
        <v>7</v>
      </c>
    </row>
    <row r="8" spans="1:22" ht="12.75">
      <c r="A8" s="109" t="s">
        <v>59</v>
      </c>
      <c r="B8" s="110"/>
      <c r="C8" s="111">
        <v>42504.824842584945</v>
      </c>
    </row>
    <row r="9" spans="1:22" ht="12.75">
      <c r="A9" s="112"/>
      <c r="B9" s="112"/>
      <c r="C9" s="113"/>
    </row>
    <row r="10" spans="1:22" ht="12.75">
      <c r="A10" s="106" t="s">
        <v>60</v>
      </c>
      <c r="B10" s="107"/>
      <c r="C10" s="114">
        <v>35186.869524382142</v>
      </c>
    </row>
    <row r="11" spans="1:22" ht="12.75">
      <c r="A11" s="106" t="s">
        <v>61</v>
      </c>
      <c r="B11" s="107"/>
      <c r="C11" s="114">
        <v>7150.5055810000003</v>
      </c>
    </row>
    <row r="12" spans="1:22" ht="12.75">
      <c r="A12" s="106" t="s">
        <v>62</v>
      </c>
      <c r="B12" s="107"/>
      <c r="C12" s="115">
        <v>28036.363943382141</v>
      </c>
    </row>
    <row r="13" spans="1:22" ht="12.75">
      <c r="A13" s="106" t="s">
        <v>63</v>
      </c>
      <c r="B13" s="107"/>
      <c r="C13" s="114">
        <v>13385.125716479999</v>
      </c>
    </row>
    <row r="14" spans="1:22">
      <c r="A14" s="40"/>
      <c r="B14" s="40"/>
      <c r="C14" s="41"/>
    </row>
    <row r="15" spans="1:22" ht="18">
      <c r="A15" s="116" t="s">
        <v>114</v>
      </c>
      <c r="C15" s="41"/>
      <c r="D15" s="28"/>
      <c r="V15" s="42" t="s">
        <v>64</v>
      </c>
    </row>
    <row r="16" spans="1:22">
      <c r="A16" s="43"/>
      <c r="B16" s="43" t="s">
        <v>3</v>
      </c>
      <c r="C16" s="43" t="s">
        <v>4</v>
      </c>
      <c r="D16" s="43" t="s">
        <v>5</v>
      </c>
      <c r="E16" s="43" t="s">
        <v>6</v>
      </c>
      <c r="F16" s="43" t="s">
        <v>7</v>
      </c>
      <c r="G16" s="43" t="s">
        <v>8</v>
      </c>
      <c r="H16" s="43" t="s">
        <v>9</v>
      </c>
      <c r="I16" s="43" t="s">
        <v>10</v>
      </c>
      <c r="J16" s="43" t="s">
        <v>11</v>
      </c>
      <c r="K16" s="43" t="s">
        <v>12</v>
      </c>
      <c r="L16" s="43" t="s">
        <v>13</v>
      </c>
      <c r="M16" s="43" t="s">
        <v>14</v>
      </c>
      <c r="N16" s="43" t="s">
        <v>15</v>
      </c>
      <c r="O16" s="43" t="s">
        <v>16</v>
      </c>
      <c r="P16" s="43" t="s">
        <v>17</v>
      </c>
      <c r="Q16" s="43" t="s">
        <v>18</v>
      </c>
      <c r="R16" s="43" t="s">
        <v>19</v>
      </c>
      <c r="S16" s="43" t="s">
        <v>20</v>
      </c>
      <c r="T16" s="43" t="s">
        <v>21</v>
      </c>
      <c r="U16" s="43" t="s">
        <v>22</v>
      </c>
      <c r="V16" s="43" t="s">
        <v>23</v>
      </c>
    </row>
    <row r="17" spans="1:22">
      <c r="A17" s="40" t="s">
        <v>65</v>
      </c>
      <c r="B17" s="40"/>
      <c r="C17" s="41">
        <v>3570405.286777135</v>
      </c>
      <c r="D17" s="41">
        <v>3570405.286777135</v>
      </c>
      <c r="E17" s="41">
        <v>3570405.286777135</v>
      </c>
      <c r="F17" s="41">
        <v>3570405.286777135</v>
      </c>
      <c r="G17" s="41">
        <v>3570405.286777135</v>
      </c>
      <c r="H17" s="41">
        <v>3570405.286777135</v>
      </c>
      <c r="I17" s="41">
        <v>3570405.286777135</v>
      </c>
      <c r="J17" s="41">
        <v>3570405.286777135</v>
      </c>
      <c r="K17" s="41">
        <v>3570405.286777135</v>
      </c>
      <c r="L17" s="41">
        <v>3570405.286777135</v>
      </c>
      <c r="M17" s="41">
        <v>3570405.286777135</v>
      </c>
      <c r="N17" s="41">
        <v>3570405.286777135</v>
      </c>
      <c r="O17" s="41">
        <v>3570405.286777135</v>
      </c>
      <c r="P17" s="41">
        <v>3570405.286777135</v>
      </c>
      <c r="Q17" s="41">
        <v>3570405.286777135</v>
      </c>
      <c r="R17" s="41">
        <v>3570405.286777135</v>
      </c>
      <c r="S17" s="41">
        <v>3570405.286777135</v>
      </c>
      <c r="T17" s="41">
        <v>3570405.286777135</v>
      </c>
      <c r="U17" s="41">
        <v>3570405.286777135</v>
      </c>
      <c r="V17" s="41">
        <v>3570405.286777135</v>
      </c>
    </row>
    <row r="18" spans="1:22">
      <c r="A18" s="44" t="s">
        <v>66</v>
      </c>
      <c r="B18" s="44"/>
      <c r="C18" s="45">
        <v>71408.105735542704</v>
      </c>
      <c r="D18" s="45">
        <v>71408.105735542704</v>
      </c>
      <c r="E18" s="45">
        <v>71408.105735542704</v>
      </c>
      <c r="F18" s="45">
        <v>71408.105735542704</v>
      </c>
      <c r="G18" s="45">
        <v>71408.105735542704</v>
      </c>
      <c r="H18" s="45">
        <v>71408.105735542704</v>
      </c>
      <c r="I18" s="45">
        <v>71408.105735542704</v>
      </c>
      <c r="J18" s="45">
        <v>71408.105735542704</v>
      </c>
      <c r="K18" s="45">
        <v>71408.105735542704</v>
      </c>
      <c r="L18" s="45">
        <v>71408.105735542704</v>
      </c>
      <c r="M18" s="45">
        <v>71408.105735542704</v>
      </c>
      <c r="N18" s="45">
        <v>71408.105735542704</v>
      </c>
      <c r="O18" s="45">
        <v>71408.105735542704</v>
      </c>
      <c r="P18" s="45">
        <v>71408.105735542704</v>
      </c>
      <c r="Q18" s="45">
        <v>71408.105735542704</v>
      </c>
      <c r="R18" s="45">
        <v>71408.105735542704</v>
      </c>
      <c r="S18" s="45">
        <v>71408.105735542704</v>
      </c>
      <c r="T18" s="45">
        <v>71408.105735542704</v>
      </c>
      <c r="U18" s="45">
        <v>71408.105735542704</v>
      </c>
      <c r="V18" s="45">
        <v>71408.105735542704</v>
      </c>
    </row>
    <row r="19" spans="1:22">
      <c r="A19" s="40" t="s">
        <v>67</v>
      </c>
      <c r="B19" s="40"/>
      <c r="C19" s="46">
        <v>3498997.1810415923</v>
      </c>
      <c r="D19" s="46">
        <v>3498997.1810415923</v>
      </c>
      <c r="E19" s="46">
        <v>3498997.1810415923</v>
      </c>
      <c r="F19" s="46">
        <v>3498997.1810415923</v>
      </c>
      <c r="G19" s="46">
        <v>3498997.1810415923</v>
      </c>
      <c r="H19" s="46">
        <v>3498997.1810415923</v>
      </c>
      <c r="I19" s="46">
        <v>3498997.1810415923</v>
      </c>
      <c r="J19" s="46">
        <v>3498997.1810415923</v>
      </c>
      <c r="K19" s="46">
        <v>3498997.1810415923</v>
      </c>
      <c r="L19" s="46">
        <v>3498997.1810415923</v>
      </c>
      <c r="M19" s="46">
        <v>3498997.1810415923</v>
      </c>
      <c r="N19" s="46">
        <v>3498997.1810415923</v>
      </c>
      <c r="O19" s="46">
        <v>3498997.1810415923</v>
      </c>
      <c r="P19" s="46">
        <v>3498997.1810415923</v>
      </c>
      <c r="Q19" s="46">
        <v>3498997.1810415923</v>
      </c>
      <c r="R19" s="46">
        <v>3498997.1810415923</v>
      </c>
      <c r="S19" s="46">
        <v>3498997.1810415923</v>
      </c>
      <c r="T19" s="46">
        <v>3498997.1810415923</v>
      </c>
      <c r="U19" s="46">
        <v>3498997.1810415923</v>
      </c>
      <c r="V19" s="46">
        <v>3498997.1810415923</v>
      </c>
    </row>
    <row r="20" spans="1:22">
      <c r="A20" s="40"/>
      <c r="B20" s="40"/>
      <c r="C20" s="40"/>
      <c r="D20" s="40"/>
      <c r="E20" s="40"/>
      <c r="F20" s="40"/>
      <c r="G20" s="40"/>
      <c r="H20" s="40"/>
      <c r="I20" s="40"/>
      <c r="J20" s="40"/>
      <c r="K20" s="40"/>
      <c r="L20" s="40"/>
      <c r="M20" s="40"/>
      <c r="N20" s="40"/>
      <c r="O20" s="40"/>
      <c r="P20" s="40"/>
      <c r="Q20" s="40"/>
      <c r="R20" s="40"/>
      <c r="S20" s="40"/>
      <c r="T20" s="40"/>
      <c r="U20" s="40"/>
      <c r="V20" s="40"/>
    </row>
    <row r="21" spans="1:22">
      <c r="A21" s="44" t="s">
        <v>68</v>
      </c>
      <c r="B21" s="44"/>
      <c r="C21" s="45">
        <v>3054295.1600634605</v>
      </c>
      <c r="D21" s="45">
        <v>3054295.1600634605</v>
      </c>
      <c r="E21" s="45">
        <v>3054295.1600634605</v>
      </c>
      <c r="F21" s="45">
        <v>3059477.1200634604</v>
      </c>
      <c r="G21" s="45">
        <v>3059477.1200634604</v>
      </c>
      <c r="H21" s="45">
        <v>3059477.1200634604</v>
      </c>
      <c r="I21" s="45">
        <v>3059477.1200634604</v>
      </c>
      <c r="J21" s="45">
        <v>3059477.1200634604</v>
      </c>
      <c r="K21" s="45">
        <v>3059477.1200634604</v>
      </c>
      <c r="L21" s="45">
        <v>3059477.1200634604</v>
      </c>
      <c r="M21" s="47">
        <v>3054295.1600634605</v>
      </c>
      <c r="N21" s="47">
        <v>3054295.1600634605</v>
      </c>
      <c r="O21" s="47">
        <v>3054295.1600634605</v>
      </c>
      <c r="P21" s="47">
        <v>3059477.1200634604</v>
      </c>
      <c r="Q21" s="47">
        <v>3059477.1200634604</v>
      </c>
      <c r="R21" s="47">
        <v>3059477.1200634604</v>
      </c>
      <c r="S21" s="47">
        <v>3059477.1200634604</v>
      </c>
      <c r="T21" s="47">
        <v>3059477.1200634604</v>
      </c>
      <c r="U21" s="47">
        <v>3059477.1200634604</v>
      </c>
      <c r="V21" s="47">
        <v>3059477.1200634604</v>
      </c>
    </row>
    <row r="22" spans="1:22">
      <c r="A22" s="40"/>
      <c r="B22" s="40"/>
      <c r="C22" s="40"/>
      <c r="D22" s="40"/>
      <c r="E22" s="40"/>
      <c r="F22" s="40"/>
      <c r="G22" s="40"/>
      <c r="H22" s="40"/>
      <c r="I22" s="40"/>
      <c r="J22" s="40"/>
      <c r="K22" s="40"/>
      <c r="L22" s="40"/>
      <c r="M22" s="40"/>
      <c r="N22" s="40"/>
      <c r="O22" s="40"/>
      <c r="P22" s="40"/>
      <c r="Q22" s="40"/>
      <c r="R22" s="40"/>
      <c r="S22" s="40"/>
      <c r="T22" s="40"/>
      <c r="U22" s="40"/>
      <c r="V22" s="40"/>
    </row>
    <row r="23" spans="1:22">
      <c r="A23" s="40" t="s">
        <v>69</v>
      </c>
      <c r="B23" s="40"/>
      <c r="C23" s="41">
        <v>159764.82065283335</v>
      </c>
      <c r="D23" s="41">
        <v>230164.53003883336</v>
      </c>
      <c r="E23" s="41">
        <v>291332.4485068334</v>
      </c>
      <c r="F23" s="41">
        <v>349298.35050683335</v>
      </c>
      <c r="G23" s="41">
        <v>405695.86050683336</v>
      </c>
      <c r="H23" s="41">
        <v>302406.46148733329</v>
      </c>
      <c r="I23" s="41">
        <v>288404.2621013333</v>
      </c>
      <c r="J23" s="41">
        <v>283633.85363333329</v>
      </c>
      <c r="K23" s="41">
        <v>282065.4616333333</v>
      </c>
      <c r="L23" s="41">
        <v>289765.4616333333</v>
      </c>
      <c r="M23" s="41">
        <v>301027.1797793333</v>
      </c>
      <c r="N23" s="41">
        <v>315029.37916533329</v>
      </c>
      <c r="O23" s="41">
        <v>319799.7876333333</v>
      </c>
      <c r="P23" s="41">
        <v>321368.17963333329</v>
      </c>
      <c r="Q23" s="41">
        <v>313668.17963333329</v>
      </c>
      <c r="R23" s="41">
        <v>302406.46148733329</v>
      </c>
      <c r="S23" s="41">
        <v>288404.2621013333</v>
      </c>
      <c r="T23" s="41">
        <v>283633.85363333329</v>
      </c>
      <c r="U23" s="41">
        <v>282065.4616333333</v>
      </c>
      <c r="V23" s="41">
        <v>282065.4616333333</v>
      </c>
    </row>
    <row r="24" spans="1:22">
      <c r="A24" s="40"/>
      <c r="B24" s="40"/>
      <c r="C24" s="40"/>
      <c r="D24" s="40"/>
      <c r="E24" s="40"/>
      <c r="F24" s="40"/>
      <c r="G24" s="40"/>
      <c r="H24" s="40"/>
      <c r="I24" s="40"/>
      <c r="J24" s="40"/>
      <c r="K24" s="40"/>
      <c r="L24" s="40"/>
      <c r="M24" s="40"/>
      <c r="N24" s="40"/>
      <c r="O24" s="40"/>
      <c r="P24" s="40"/>
      <c r="Q24" s="40"/>
      <c r="R24" s="40"/>
      <c r="S24" s="40"/>
      <c r="T24" s="40"/>
      <c r="U24" s="40"/>
      <c r="V24" s="40"/>
    </row>
    <row r="25" spans="1:22">
      <c r="A25" s="44" t="s">
        <v>70</v>
      </c>
      <c r="B25" s="44"/>
      <c r="C25" s="47">
        <v>284937.20032529847</v>
      </c>
      <c r="D25" s="47">
        <v>214537.49093929844</v>
      </c>
      <c r="E25" s="47">
        <v>153369.57247129839</v>
      </c>
      <c r="F25" s="47">
        <v>90221.710471298487</v>
      </c>
      <c r="G25" s="47">
        <v>33824.200471298478</v>
      </c>
      <c r="H25" s="47">
        <v>137113.59949079854</v>
      </c>
      <c r="I25" s="47">
        <v>151115.79887679854</v>
      </c>
      <c r="J25" s="47">
        <v>155886.20734479855</v>
      </c>
      <c r="K25" s="47">
        <v>157454.59934479854</v>
      </c>
      <c r="L25" s="47">
        <v>149754.59934479854</v>
      </c>
      <c r="M25" s="47">
        <v>143674.8411987985</v>
      </c>
      <c r="N25" s="47">
        <v>129672.64181279851</v>
      </c>
      <c r="O25" s="47">
        <v>124902.2333447985</v>
      </c>
      <c r="P25" s="47">
        <v>118151.88134479854</v>
      </c>
      <c r="Q25" s="47">
        <v>125851.88134479854</v>
      </c>
      <c r="R25" s="47">
        <v>137113.59949079854</v>
      </c>
      <c r="S25" s="47">
        <v>151115.79887679854</v>
      </c>
      <c r="T25" s="47">
        <v>155886.20734479855</v>
      </c>
      <c r="U25" s="47">
        <v>157454.59934479854</v>
      </c>
      <c r="V25" s="47">
        <v>157454.59934479854</v>
      </c>
    </row>
    <row r="26" spans="1:22">
      <c r="A26" s="40"/>
      <c r="B26" s="40"/>
      <c r="C26" s="40"/>
      <c r="D26" s="40"/>
      <c r="E26" s="40"/>
      <c r="F26" s="40"/>
      <c r="G26" s="40"/>
      <c r="H26" s="40"/>
      <c r="I26" s="40"/>
      <c r="J26" s="40"/>
      <c r="K26" s="40"/>
      <c r="L26" s="40"/>
      <c r="M26" s="40"/>
      <c r="N26" s="40"/>
      <c r="O26" s="40"/>
      <c r="P26" s="40"/>
      <c r="Q26" s="40"/>
      <c r="R26" s="40"/>
      <c r="S26" s="40"/>
      <c r="T26" s="40"/>
      <c r="U26" s="40"/>
      <c r="V26" s="40"/>
    </row>
    <row r="27" spans="1:22">
      <c r="A27" s="40" t="s">
        <v>71</v>
      </c>
      <c r="B27" s="40"/>
      <c r="C27" s="41">
        <v>96878.648110601483</v>
      </c>
      <c r="D27" s="41">
        <v>72942.746919361482</v>
      </c>
      <c r="E27" s="41">
        <v>52145.654640241461</v>
      </c>
      <c r="F27" s="41">
        <v>30675.381560241487</v>
      </c>
      <c r="G27" s="41">
        <v>11500.228160241484</v>
      </c>
      <c r="H27" s="41">
        <v>46618.62382687151</v>
      </c>
      <c r="I27" s="41">
        <v>51379.371618111509</v>
      </c>
      <c r="J27" s="41">
        <v>53001.310497231512</v>
      </c>
      <c r="K27" s="41">
        <v>53534.563777231509</v>
      </c>
      <c r="L27" s="41">
        <v>50916.563777231509</v>
      </c>
      <c r="M27" s="41">
        <v>48849.446007591498</v>
      </c>
      <c r="N27" s="41">
        <v>44088.698216351499</v>
      </c>
      <c r="O27" s="41">
        <v>42466.759337231495</v>
      </c>
      <c r="P27" s="41">
        <v>40171.639657231506</v>
      </c>
      <c r="Q27" s="41">
        <v>42789.639657231506</v>
      </c>
      <c r="R27" s="41">
        <v>46618.62382687151</v>
      </c>
      <c r="S27" s="41">
        <v>51379.371618111509</v>
      </c>
      <c r="T27" s="41">
        <v>53001.310497231512</v>
      </c>
      <c r="U27" s="41">
        <v>53534.563777231509</v>
      </c>
      <c r="V27" s="41">
        <v>53534.563777231509</v>
      </c>
    </row>
    <row r="28" spans="1:22">
      <c r="A28" s="40"/>
      <c r="B28" s="40"/>
      <c r="C28" s="40"/>
      <c r="D28" s="40"/>
      <c r="E28" s="40"/>
      <c r="F28" s="40"/>
      <c r="G28" s="40"/>
      <c r="H28" s="40"/>
      <c r="I28" s="40"/>
      <c r="J28" s="40"/>
      <c r="K28" s="40"/>
      <c r="L28" s="40"/>
      <c r="M28" s="40"/>
      <c r="N28" s="40"/>
      <c r="O28" s="40"/>
      <c r="P28" s="40"/>
      <c r="Q28" s="40"/>
      <c r="R28" s="40"/>
      <c r="S28" s="40"/>
      <c r="T28" s="40"/>
      <c r="U28" s="40"/>
      <c r="V28" s="40"/>
    </row>
    <row r="29" spans="1:22">
      <c r="A29" s="44" t="s">
        <v>72</v>
      </c>
      <c r="B29" s="44"/>
      <c r="C29" s="47">
        <v>188058.552214697</v>
      </c>
      <c r="D29" s="47">
        <v>141594.74401993694</v>
      </c>
      <c r="E29" s="47">
        <v>101223.91783105693</v>
      </c>
      <c r="F29" s="47">
        <v>59546.328911057004</v>
      </c>
      <c r="G29" s="47">
        <v>22323.972311056994</v>
      </c>
      <c r="H29" s="47">
        <v>90494.975663927034</v>
      </c>
      <c r="I29" s="47">
        <v>99736.427258687036</v>
      </c>
      <c r="J29" s="47">
        <v>102884.89684756703</v>
      </c>
      <c r="K29" s="47">
        <v>103920.03556756703</v>
      </c>
      <c r="L29" s="47">
        <v>98838.035567567029</v>
      </c>
      <c r="M29" s="47">
        <v>94825.395191207004</v>
      </c>
      <c r="N29" s="47">
        <v>85583.943596447003</v>
      </c>
      <c r="O29" s="47">
        <v>82435.474007567012</v>
      </c>
      <c r="P29" s="47">
        <v>77980.241687567031</v>
      </c>
      <c r="Q29" s="47">
        <v>83062.241687567031</v>
      </c>
      <c r="R29" s="47">
        <v>90494.975663927034</v>
      </c>
      <c r="S29" s="47">
        <v>99736.427258687036</v>
      </c>
      <c r="T29" s="47">
        <v>102884.89684756703</v>
      </c>
      <c r="U29" s="47">
        <v>103920.03556756703</v>
      </c>
      <c r="V29" s="47">
        <v>103920.03556756703</v>
      </c>
    </row>
    <row r="30" spans="1:22">
      <c r="A30" s="40"/>
      <c r="B30" s="40"/>
      <c r="C30" s="40"/>
      <c r="D30" s="40"/>
      <c r="E30" s="40"/>
      <c r="F30" s="40"/>
      <c r="G30" s="40"/>
      <c r="H30" s="40"/>
      <c r="I30" s="40"/>
      <c r="J30" s="40"/>
      <c r="K30" s="40"/>
      <c r="L30" s="40"/>
      <c r="M30" s="40"/>
      <c r="N30" s="40"/>
      <c r="O30" s="40"/>
      <c r="P30" s="40"/>
      <c r="Q30" s="40"/>
      <c r="R30" s="40"/>
      <c r="S30" s="40"/>
      <c r="T30" s="40"/>
      <c r="U30" s="40"/>
      <c r="V30" s="40"/>
    </row>
    <row r="31" spans="1:22">
      <c r="A31" s="40" t="s">
        <v>73</v>
      </c>
      <c r="B31" s="40"/>
      <c r="C31" s="41">
        <v>159764.82065283335</v>
      </c>
      <c r="D31" s="41">
        <v>230164.53003883336</v>
      </c>
      <c r="E31" s="41">
        <v>291332.4485068334</v>
      </c>
      <c r="F31" s="41">
        <v>349298.35050683335</v>
      </c>
      <c r="G31" s="41">
        <v>405695.86050683336</v>
      </c>
      <c r="H31" s="41">
        <v>302406.46148733329</v>
      </c>
      <c r="I31" s="41">
        <v>288404.2621013333</v>
      </c>
      <c r="J31" s="41">
        <v>283633.85363333329</v>
      </c>
      <c r="K31" s="41">
        <v>282065.4616333333</v>
      </c>
      <c r="L31" s="41">
        <v>289765.4616333333</v>
      </c>
      <c r="M31" s="41">
        <v>301027.1797793333</v>
      </c>
      <c r="N31" s="41">
        <v>315029.37916533329</v>
      </c>
      <c r="O31" s="41">
        <v>319799.7876333333</v>
      </c>
      <c r="P31" s="41">
        <v>321368.17963333329</v>
      </c>
      <c r="Q31" s="41">
        <v>313668.17963333329</v>
      </c>
      <c r="R31" s="41">
        <v>302406.46148733329</v>
      </c>
      <c r="S31" s="41">
        <v>288404.2621013333</v>
      </c>
      <c r="T31" s="41">
        <v>283633.85363333329</v>
      </c>
      <c r="U31" s="41">
        <v>282065.4616333333</v>
      </c>
      <c r="V31" s="41">
        <v>282065.4616333333</v>
      </c>
    </row>
    <row r="32" spans="1:22">
      <c r="A32" s="40"/>
      <c r="B32" s="40"/>
      <c r="C32" s="40"/>
      <c r="D32" s="40"/>
      <c r="E32" s="40"/>
      <c r="F32" s="40"/>
      <c r="G32" s="40"/>
      <c r="H32" s="40"/>
      <c r="I32" s="40"/>
      <c r="J32" s="40"/>
      <c r="K32" s="40"/>
      <c r="L32" s="40"/>
      <c r="M32" s="40"/>
      <c r="N32" s="40"/>
      <c r="O32" s="40"/>
      <c r="P32" s="40"/>
      <c r="Q32" s="40"/>
      <c r="R32" s="40"/>
      <c r="S32" s="40"/>
      <c r="T32" s="40"/>
      <c r="U32" s="40"/>
      <c r="V32" s="40"/>
    </row>
    <row r="33" spans="1:22">
      <c r="A33" s="44" t="s">
        <v>74</v>
      </c>
      <c r="B33" s="44"/>
      <c r="C33" s="47">
        <v>347823.37286753033</v>
      </c>
      <c r="D33" s="47">
        <v>371759.27405877027</v>
      </c>
      <c r="E33" s="47">
        <v>392556.36633789033</v>
      </c>
      <c r="F33" s="47">
        <v>408844.67941789038</v>
      </c>
      <c r="G33" s="47">
        <v>428019.83281789033</v>
      </c>
      <c r="H33" s="47">
        <v>392901.43715126032</v>
      </c>
      <c r="I33" s="47">
        <v>388140.68936002033</v>
      </c>
      <c r="J33" s="47">
        <v>386518.75048090029</v>
      </c>
      <c r="K33" s="47">
        <v>385985.49720090034</v>
      </c>
      <c r="L33" s="47">
        <v>388603.49720090034</v>
      </c>
      <c r="M33" s="47">
        <v>395852.5749705403</v>
      </c>
      <c r="N33" s="47">
        <v>400613.32276178029</v>
      </c>
      <c r="O33" s="47">
        <v>402235.26164090028</v>
      </c>
      <c r="P33" s="47">
        <v>399348.42132090032</v>
      </c>
      <c r="Q33" s="47">
        <v>396730.42132090032</v>
      </c>
      <c r="R33" s="47">
        <v>392901.43715126032</v>
      </c>
      <c r="S33" s="47">
        <v>388140.68936002033</v>
      </c>
      <c r="T33" s="47">
        <v>386518.75048090029</v>
      </c>
      <c r="U33" s="47">
        <v>385985.49720090034</v>
      </c>
      <c r="V33" s="47">
        <v>385985.49720090034</v>
      </c>
    </row>
    <row r="34" spans="1:22">
      <c r="A34" s="40"/>
      <c r="B34" s="40"/>
      <c r="C34" s="40"/>
      <c r="D34" s="40"/>
      <c r="E34" s="40"/>
      <c r="F34" s="40"/>
      <c r="G34" s="40"/>
      <c r="H34" s="40"/>
      <c r="I34" s="40"/>
      <c r="J34" s="40"/>
      <c r="K34" s="40"/>
      <c r="L34" s="40"/>
      <c r="M34" s="40"/>
      <c r="N34" s="40"/>
      <c r="O34" s="40"/>
      <c r="P34" s="40"/>
      <c r="Q34" s="40"/>
      <c r="R34" s="40"/>
      <c r="S34" s="40"/>
      <c r="T34" s="40"/>
      <c r="U34" s="40"/>
      <c r="V34" s="40"/>
    </row>
    <row r="35" spans="1:22">
      <c r="A35" s="40" t="s">
        <v>75</v>
      </c>
      <c r="B35" s="46">
        <v>1026980.0022168967</v>
      </c>
      <c r="C35" s="46">
        <v>338296.14072999998</v>
      </c>
      <c r="D35" s="46">
        <v>351998.54692999995</v>
      </c>
      <c r="E35" s="46">
        <v>305839.59233999997</v>
      </c>
      <c r="F35" s="46">
        <v>289829.51</v>
      </c>
      <c r="G35" s="46">
        <v>281987.55</v>
      </c>
      <c r="H35" s="46">
        <v>281987.55</v>
      </c>
      <c r="I35" s="46">
        <v>281987.55</v>
      </c>
      <c r="J35" s="46">
        <v>281987.55</v>
      </c>
      <c r="K35" s="46">
        <v>281987.55</v>
      </c>
      <c r="L35" s="46">
        <v>320487.55</v>
      </c>
      <c r="M35" s="46">
        <v>338296.14072999998</v>
      </c>
      <c r="N35" s="46">
        <v>351998.54692999995</v>
      </c>
      <c r="O35" s="46">
        <v>305839.59233999997</v>
      </c>
      <c r="P35" s="46">
        <v>289829.51</v>
      </c>
      <c r="Q35" s="46">
        <v>281987.55</v>
      </c>
      <c r="R35" s="46">
        <v>281987.55</v>
      </c>
      <c r="S35" s="46">
        <v>281987.55</v>
      </c>
      <c r="T35" s="46">
        <v>281987.55</v>
      </c>
      <c r="U35" s="46">
        <v>281987.55</v>
      </c>
      <c r="V35" s="46">
        <v>240147.89027310326</v>
      </c>
    </row>
    <row r="36" spans="1:22">
      <c r="A36" s="48" t="s">
        <v>76</v>
      </c>
      <c r="B36" s="47">
        <v>958701.27249000012</v>
      </c>
      <c r="C36" s="47">
        <v>281987.55</v>
      </c>
      <c r="D36" s="47">
        <v>281987.55</v>
      </c>
      <c r="E36" s="47">
        <v>281987.55</v>
      </c>
      <c r="F36" s="47">
        <v>281987.55</v>
      </c>
      <c r="G36" s="47">
        <v>281987.55</v>
      </c>
      <c r="H36" s="47">
        <v>281987.55</v>
      </c>
      <c r="I36" s="47">
        <v>281987.55</v>
      </c>
      <c r="J36" s="47">
        <v>281987.55</v>
      </c>
      <c r="K36" s="47">
        <v>281987.55</v>
      </c>
      <c r="L36" s="47">
        <v>281987.55</v>
      </c>
      <c r="M36" s="47">
        <v>281987.55</v>
      </c>
      <c r="N36" s="47">
        <v>281987.55</v>
      </c>
      <c r="O36" s="47">
        <v>281987.55</v>
      </c>
      <c r="P36" s="47">
        <v>281987.55</v>
      </c>
      <c r="Q36" s="47">
        <v>281987.55</v>
      </c>
      <c r="R36" s="47">
        <v>281987.55</v>
      </c>
      <c r="S36" s="47">
        <v>281987.55</v>
      </c>
      <c r="T36" s="47">
        <v>281987.55</v>
      </c>
      <c r="U36" s="47">
        <v>281987.55</v>
      </c>
      <c r="V36" s="47">
        <v>281987.55</v>
      </c>
    </row>
    <row r="37" spans="1:22">
      <c r="A37" s="49" t="s">
        <v>77</v>
      </c>
      <c r="B37" s="41">
        <v>23100</v>
      </c>
      <c r="C37" s="41">
        <v>56308.590729999996</v>
      </c>
      <c r="D37" s="41">
        <v>70010.996929999994</v>
      </c>
      <c r="E37" s="41">
        <v>23852.04234</v>
      </c>
      <c r="F37" s="41">
        <v>7841.96</v>
      </c>
      <c r="G37" s="41">
        <v>0</v>
      </c>
      <c r="H37" s="41">
        <v>0</v>
      </c>
      <c r="I37" s="41">
        <v>0</v>
      </c>
      <c r="J37" s="41">
        <v>0</v>
      </c>
      <c r="K37" s="41">
        <v>0</v>
      </c>
      <c r="L37" s="41">
        <v>38500</v>
      </c>
      <c r="M37" s="41">
        <v>56308.590729999996</v>
      </c>
      <c r="N37" s="41">
        <v>70010.996929999994</v>
      </c>
      <c r="O37" s="41">
        <v>23852.04234</v>
      </c>
      <c r="P37" s="41">
        <v>7841.96</v>
      </c>
      <c r="Q37" s="41">
        <v>0</v>
      </c>
      <c r="R37" s="41">
        <v>0</v>
      </c>
      <c r="S37" s="41">
        <v>0</v>
      </c>
      <c r="T37" s="41">
        <v>0</v>
      </c>
      <c r="U37" s="41">
        <v>0</v>
      </c>
      <c r="V37" s="41">
        <v>0</v>
      </c>
    </row>
    <row r="38" spans="1:22">
      <c r="A38" s="48" t="s">
        <v>78</v>
      </c>
      <c r="B38" s="50">
        <v>3339.0699999999997</v>
      </c>
      <c r="C38" s="44">
        <v>0</v>
      </c>
      <c r="D38" s="44">
        <v>0</v>
      </c>
      <c r="E38" s="44">
        <v>0</v>
      </c>
      <c r="F38" s="44">
        <v>0</v>
      </c>
      <c r="G38" s="44">
        <v>0</v>
      </c>
      <c r="H38" s="44">
        <v>0</v>
      </c>
      <c r="I38" s="44">
        <v>0</v>
      </c>
      <c r="J38" s="44">
        <v>0</v>
      </c>
      <c r="K38" s="44">
        <v>0</v>
      </c>
      <c r="L38" s="44">
        <v>0</v>
      </c>
      <c r="M38" s="44"/>
      <c r="N38" s="44"/>
      <c r="O38" s="44"/>
      <c r="P38" s="44"/>
      <c r="Q38" s="44"/>
      <c r="R38" s="44"/>
      <c r="S38" s="44"/>
      <c r="T38" s="44"/>
      <c r="U38" s="44"/>
      <c r="V38" s="44"/>
    </row>
    <row r="39" spans="1:22">
      <c r="A39" s="49" t="s">
        <v>79</v>
      </c>
      <c r="B39" s="41">
        <v>41839.659726896716</v>
      </c>
      <c r="C39" s="40">
        <v>0</v>
      </c>
      <c r="D39" s="40">
        <v>0</v>
      </c>
      <c r="E39" s="40">
        <v>0</v>
      </c>
      <c r="F39" s="40">
        <v>0</v>
      </c>
      <c r="G39" s="40">
        <v>0</v>
      </c>
      <c r="H39" s="40">
        <v>0</v>
      </c>
      <c r="I39" s="40">
        <v>0</v>
      </c>
      <c r="J39" s="40">
        <v>0</v>
      </c>
      <c r="K39" s="40">
        <v>0</v>
      </c>
      <c r="L39" s="46">
        <v>0</v>
      </c>
      <c r="M39" s="46">
        <v>0</v>
      </c>
      <c r="N39" s="46">
        <v>0</v>
      </c>
      <c r="O39" s="46">
        <v>0</v>
      </c>
      <c r="P39" s="46">
        <v>0</v>
      </c>
      <c r="Q39" s="46">
        <v>0</v>
      </c>
      <c r="R39" s="46">
        <v>0</v>
      </c>
      <c r="S39" s="46">
        <v>0</v>
      </c>
      <c r="T39" s="46">
        <v>0</v>
      </c>
      <c r="U39" s="46">
        <v>0</v>
      </c>
      <c r="V39" s="46">
        <v>-41839.659726896716</v>
      </c>
    </row>
    <row r="40" spans="1:22">
      <c r="A40" s="40"/>
      <c r="B40" s="40"/>
      <c r="C40" s="40"/>
      <c r="D40" s="40"/>
      <c r="E40" s="40"/>
      <c r="F40" s="40"/>
      <c r="G40" s="40"/>
      <c r="H40" s="40"/>
      <c r="I40" s="40"/>
      <c r="J40" s="40"/>
      <c r="K40" s="40"/>
      <c r="L40" s="40"/>
      <c r="M40" s="40"/>
      <c r="N40" s="40"/>
      <c r="O40" s="40"/>
      <c r="P40" s="40"/>
      <c r="Q40" s="40"/>
      <c r="R40" s="40"/>
      <c r="S40" s="40"/>
      <c r="T40" s="40"/>
      <c r="U40" s="40"/>
      <c r="V40" s="40"/>
    </row>
    <row r="41" spans="1:22">
      <c r="A41" s="44" t="s">
        <v>80</v>
      </c>
      <c r="B41" s="45">
        <v>0</v>
      </c>
      <c r="C41" s="45">
        <v>23968.941750000002</v>
      </c>
      <c r="D41" s="45">
        <v>23968.941750000002</v>
      </c>
      <c r="E41" s="45">
        <v>23968.941750000002</v>
      </c>
      <c r="F41" s="45">
        <v>23968.941750000002</v>
      </c>
      <c r="G41" s="45">
        <v>23968.941750000002</v>
      </c>
      <c r="H41" s="45">
        <v>23968.941750000002</v>
      </c>
      <c r="I41" s="45">
        <v>23968.941750000002</v>
      </c>
      <c r="J41" s="45">
        <v>23968.941750000002</v>
      </c>
      <c r="K41" s="45">
        <v>23968.941750000002</v>
      </c>
      <c r="L41" s="45">
        <v>23968.941750000002</v>
      </c>
      <c r="M41" s="45">
        <v>23968.941750000002</v>
      </c>
      <c r="N41" s="45">
        <v>23968.941750000002</v>
      </c>
      <c r="O41" s="45">
        <v>23968.941750000002</v>
      </c>
      <c r="P41" s="45">
        <v>23968.941750000002</v>
      </c>
      <c r="Q41" s="45">
        <v>23968.941750000002</v>
      </c>
      <c r="R41" s="45">
        <v>23968.941750000002</v>
      </c>
      <c r="S41" s="45">
        <v>23968.941750000002</v>
      </c>
      <c r="T41" s="45">
        <v>23968.941750000002</v>
      </c>
      <c r="U41" s="45">
        <v>23968.941750000002</v>
      </c>
      <c r="V41" s="45">
        <v>624925.38494983327</v>
      </c>
    </row>
    <row r="42" spans="1:22">
      <c r="A42" s="40" t="s">
        <v>81</v>
      </c>
      <c r="B42" s="40"/>
      <c r="C42" s="46">
        <v>23968.941750000002</v>
      </c>
      <c r="D42" s="46">
        <v>23968.941750000002</v>
      </c>
      <c r="E42" s="46">
        <v>23968.941750000002</v>
      </c>
      <c r="F42" s="46">
        <v>23968.941750000002</v>
      </c>
      <c r="G42" s="46">
        <v>23968.941750000002</v>
      </c>
      <c r="H42" s="46">
        <v>23968.941750000002</v>
      </c>
      <c r="I42" s="46">
        <v>23968.941750000002</v>
      </c>
      <c r="J42" s="46">
        <v>23968.941750000002</v>
      </c>
      <c r="K42" s="46">
        <v>23968.941750000002</v>
      </c>
      <c r="L42" s="46">
        <v>23968.941750000002</v>
      </c>
      <c r="M42" s="46">
        <v>23968.941750000002</v>
      </c>
      <c r="N42" s="46">
        <v>23968.941750000002</v>
      </c>
      <c r="O42" s="46">
        <v>23968.941750000002</v>
      </c>
      <c r="P42" s="46">
        <v>23968.941750000002</v>
      </c>
      <c r="Q42" s="46">
        <v>23968.941750000002</v>
      </c>
      <c r="R42" s="46">
        <v>23968.941750000002</v>
      </c>
      <c r="S42" s="46">
        <v>23968.941750000002</v>
      </c>
      <c r="T42" s="46">
        <v>23968.941750000002</v>
      </c>
      <c r="U42" s="46">
        <v>23968.941750000002</v>
      </c>
      <c r="V42" s="46">
        <v>623144.54761649994</v>
      </c>
    </row>
    <row r="43" spans="1:22">
      <c r="A43" s="44" t="s">
        <v>82</v>
      </c>
      <c r="B43" s="44"/>
      <c r="C43" s="44">
        <v>0</v>
      </c>
      <c r="D43" s="44">
        <v>0</v>
      </c>
      <c r="E43" s="44">
        <v>0</v>
      </c>
      <c r="F43" s="44">
        <v>0</v>
      </c>
      <c r="G43" s="44">
        <v>0</v>
      </c>
      <c r="H43" s="44">
        <v>0</v>
      </c>
      <c r="I43" s="44">
        <v>0</v>
      </c>
      <c r="J43" s="44">
        <v>0</v>
      </c>
      <c r="K43" s="44">
        <v>0</v>
      </c>
      <c r="L43" s="51">
        <v>0</v>
      </c>
      <c r="M43" s="44">
        <v>0</v>
      </c>
      <c r="N43" s="45">
        <v>0</v>
      </c>
      <c r="O43" s="44">
        <v>0</v>
      </c>
      <c r="P43" s="44">
        <v>0</v>
      </c>
      <c r="Q43" s="44">
        <v>0</v>
      </c>
      <c r="R43" s="44">
        <v>0</v>
      </c>
      <c r="S43" s="44">
        <v>0</v>
      </c>
      <c r="T43" s="44">
        <v>0</v>
      </c>
      <c r="U43" s="44">
        <v>0</v>
      </c>
      <c r="V43" s="44">
        <v>1780.8373333333332</v>
      </c>
    </row>
    <row r="44" spans="1:22">
      <c r="A44" s="40"/>
      <c r="B44" s="40"/>
      <c r="C44" s="40"/>
      <c r="D44" s="40"/>
      <c r="E44" s="40"/>
      <c r="F44" s="40"/>
      <c r="G44" s="40"/>
      <c r="H44" s="40"/>
      <c r="I44" s="40"/>
      <c r="J44" s="40"/>
      <c r="K44" s="40"/>
      <c r="L44" s="40"/>
      <c r="M44" s="40"/>
      <c r="N44" s="40"/>
      <c r="O44" s="40"/>
      <c r="P44" s="40"/>
      <c r="Q44" s="40"/>
      <c r="R44" s="40"/>
      <c r="S44" s="40"/>
      <c r="T44" s="40"/>
      <c r="U44" s="40"/>
      <c r="V44" s="40"/>
    </row>
    <row r="45" spans="1:22">
      <c r="A45" s="52" t="s">
        <v>83</v>
      </c>
      <c r="B45" s="53">
        <v>-1026980.0022168967</v>
      </c>
      <c r="C45" s="53">
        <v>33496.173887530342</v>
      </c>
      <c r="D45" s="53">
        <v>43729.668878770317</v>
      </c>
      <c r="E45" s="53">
        <v>110685.71574789035</v>
      </c>
      <c r="F45" s="53">
        <v>142984.11116789037</v>
      </c>
      <c r="G45" s="53">
        <v>170001.22456789034</v>
      </c>
      <c r="H45" s="53">
        <v>134882.82890126033</v>
      </c>
      <c r="I45" s="53">
        <v>130122.08111002034</v>
      </c>
      <c r="J45" s="53">
        <v>128500.1422309003</v>
      </c>
      <c r="K45" s="53">
        <v>127966.88895090035</v>
      </c>
      <c r="L45" s="53">
        <v>92084.888950900349</v>
      </c>
      <c r="M45" s="53">
        <v>81525.375990540313</v>
      </c>
      <c r="N45" s="53">
        <v>72583.717581780336</v>
      </c>
      <c r="O45" s="53">
        <v>120364.6110509003</v>
      </c>
      <c r="P45" s="53">
        <v>133487.85307090031</v>
      </c>
      <c r="Q45" s="53">
        <v>138711.81307090033</v>
      </c>
      <c r="R45" s="53">
        <v>134882.82890126033</v>
      </c>
      <c r="S45" s="53">
        <v>130122.08111002034</v>
      </c>
      <c r="T45" s="53">
        <v>128500.1422309003</v>
      </c>
      <c r="U45" s="53">
        <v>127966.88895090035</v>
      </c>
      <c r="V45" s="53">
        <v>770762.99187763035</v>
      </c>
    </row>
    <row r="46" spans="1:22">
      <c r="A46" s="40"/>
      <c r="B46" s="46"/>
      <c r="C46" s="46"/>
      <c r="D46" s="46"/>
      <c r="E46" s="46"/>
      <c r="F46" s="46"/>
      <c r="G46" s="46"/>
      <c r="H46" s="46"/>
      <c r="I46" s="46"/>
      <c r="J46" s="46"/>
      <c r="K46" s="46"/>
      <c r="L46" s="46"/>
      <c r="M46" s="46"/>
      <c r="N46" s="46"/>
      <c r="O46" s="46"/>
      <c r="P46" s="46"/>
      <c r="Q46" s="46"/>
      <c r="R46" s="46"/>
      <c r="S46" s="46"/>
      <c r="T46" s="46"/>
      <c r="U46" s="46"/>
      <c r="V46" s="46"/>
    </row>
    <row r="47" spans="1:22">
      <c r="A47" s="39"/>
      <c r="B47" s="54"/>
      <c r="C47" s="40"/>
      <c r="D47" s="40"/>
      <c r="E47" s="40"/>
      <c r="F47" s="40"/>
      <c r="G47" s="40"/>
      <c r="H47" s="40"/>
      <c r="I47" s="40"/>
      <c r="J47" s="40"/>
      <c r="K47" s="40"/>
      <c r="L47" s="40"/>
      <c r="M47" s="40"/>
      <c r="N47" s="40"/>
      <c r="O47" s="40"/>
      <c r="P47" s="40"/>
      <c r="Q47" s="40"/>
      <c r="R47" s="40"/>
      <c r="S47" s="40"/>
      <c r="T47" s="40"/>
      <c r="U47" s="40"/>
      <c r="V47" s="40"/>
    </row>
    <row r="48" spans="1:22">
      <c r="A48" s="40"/>
      <c r="B48" s="40"/>
      <c r="C48" s="40"/>
      <c r="D48" s="40"/>
      <c r="E48" s="40"/>
      <c r="F48" s="40"/>
      <c r="G48" s="40"/>
      <c r="H48" s="40"/>
      <c r="I48" s="40"/>
      <c r="J48" s="40"/>
      <c r="K48" s="40"/>
      <c r="L48" s="40"/>
      <c r="M48" s="40"/>
      <c r="N48" s="40"/>
      <c r="O48" s="40"/>
      <c r="P48" s="40"/>
      <c r="Q48" s="40"/>
      <c r="R48" s="40"/>
      <c r="S48" s="40"/>
      <c r="T48" s="40"/>
      <c r="U48" s="40"/>
      <c r="V48" s="40"/>
    </row>
    <row r="49" spans="1:22" ht="12" thickBot="1"/>
    <row r="50" spans="1:22" ht="16.5" thickBot="1">
      <c r="A50" s="117" t="s">
        <v>58</v>
      </c>
      <c r="B50" s="118">
        <v>9.8500000000000004E-2</v>
      </c>
      <c r="C50" s="40"/>
      <c r="D50" s="40"/>
      <c r="E50" s="40"/>
      <c r="F50" s="40"/>
      <c r="G50" s="40"/>
      <c r="H50" s="40"/>
      <c r="I50" s="40"/>
      <c r="J50" s="40"/>
      <c r="K50" s="40"/>
      <c r="L50" s="40"/>
      <c r="M50" s="40"/>
      <c r="N50" s="40"/>
      <c r="O50" s="40"/>
      <c r="P50" s="40"/>
      <c r="Q50" s="40"/>
      <c r="R50" s="40"/>
      <c r="S50" s="40"/>
      <c r="T50" s="40"/>
      <c r="U50" s="40"/>
      <c r="V50" s="40"/>
    </row>
    <row r="51" spans="1:22">
      <c r="A51" s="40"/>
      <c r="B51" s="55"/>
      <c r="C51" s="40"/>
      <c r="D51" s="40"/>
      <c r="E51" s="40"/>
      <c r="F51" s="40"/>
      <c r="G51" s="40"/>
      <c r="H51" s="40"/>
      <c r="I51" s="40"/>
      <c r="J51" s="40"/>
      <c r="K51" s="40"/>
      <c r="L51" s="40"/>
      <c r="M51" s="56"/>
      <c r="N51" s="40"/>
      <c r="O51" s="40"/>
      <c r="P51" s="40"/>
      <c r="Q51" s="40"/>
      <c r="R51" s="40"/>
      <c r="S51" s="40"/>
      <c r="T51" s="40"/>
      <c r="U51" s="40"/>
      <c r="V51" s="40"/>
    </row>
    <row r="52" spans="1:22">
      <c r="A52" s="40"/>
      <c r="B52" s="55"/>
      <c r="C52" s="40"/>
      <c r="D52" s="40"/>
      <c r="E52" s="40"/>
      <c r="F52" s="40"/>
      <c r="G52" s="40"/>
      <c r="H52" s="40"/>
      <c r="I52" s="40"/>
      <c r="J52" s="40"/>
      <c r="K52" s="40"/>
      <c r="L52" s="40"/>
      <c r="M52" s="56"/>
      <c r="N52" s="40"/>
      <c r="O52" s="40"/>
      <c r="P52" s="40"/>
      <c r="Q52" s="40"/>
      <c r="R52" s="40"/>
      <c r="S52" s="40"/>
      <c r="T52" s="40"/>
      <c r="U52" s="40"/>
      <c r="V52" s="40"/>
    </row>
    <row r="53" spans="1:22">
      <c r="A53" s="40"/>
      <c r="B53" s="40"/>
      <c r="C53" s="40"/>
      <c r="D53" s="40"/>
      <c r="E53" s="40"/>
      <c r="F53" s="40"/>
      <c r="G53" s="40"/>
      <c r="H53" s="40"/>
      <c r="I53" s="40"/>
      <c r="J53" s="40"/>
      <c r="K53" s="40"/>
      <c r="L53" s="40"/>
      <c r="M53" s="40"/>
      <c r="N53" s="40"/>
      <c r="O53" s="40"/>
      <c r="P53" s="40"/>
      <c r="Q53" s="40"/>
      <c r="R53" s="40"/>
      <c r="S53" s="40"/>
      <c r="T53" s="40"/>
      <c r="U53" s="40"/>
      <c r="V53" s="40"/>
    </row>
    <row r="54" spans="1:22" ht="18">
      <c r="A54" s="116" t="s">
        <v>115</v>
      </c>
      <c r="B54" s="40"/>
      <c r="C54" s="40"/>
      <c r="D54" s="40"/>
      <c r="E54" s="40"/>
      <c r="F54" s="40"/>
      <c r="G54" s="40"/>
      <c r="H54" s="40"/>
      <c r="I54" s="40"/>
      <c r="J54" s="40"/>
      <c r="K54" s="40"/>
      <c r="L54" s="40"/>
      <c r="M54" s="40"/>
      <c r="N54" s="40"/>
      <c r="O54" s="40"/>
      <c r="P54" s="40"/>
      <c r="Q54" s="40"/>
      <c r="R54" s="40"/>
      <c r="S54" s="40"/>
      <c r="T54" s="40"/>
      <c r="U54" s="40"/>
      <c r="V54" s="40"/>
    </row>
    <row r="55" spans="1:22">
      <c r="A55" s="57" t="s">
        <v>84</v>
      </c>
      <c r="B55" s="58"/>
      <c r="C55" s="59">
        <v>159764.82065283335</v>
      </c>
      <c r="D55" s="60">
        <v>230164.53003883336</v>
      </c>
      <c r="E55" s="60">
        <v>291332.4485068334</v>
      </c>
      <c r="F55" s="60">
        <v>349298.35050683335</v>
      </c>
      <c r="G55" s="60">
        <v>405695.86050683336</v>
      </c>
      <c r="H55" s="60">
        <v>302406.46148733329</v>
      </c>
      <c r="I55" s="60">
        <v>288404.2621013333</v>
      </c>
      <c r="J55" s="60">
        <v>283633.85363333329</v>
      </c>
      <c r="K55" s="60">
        <v>282065.4616333333</v>
      </c>
      <c r="L55" s="60">
        <v>289765.4616333333</v>
      </c>
      <c r="M55" s="60">
        <v>301027.1797793333</v>
      </c>
      <c r="N55" s="60">
        <v>315029.37916533329</v>
      </c>
      <c r="O55" s="60">
        <v>319799.7876333333</v>
      </c>
      <c r="P55" s="60">
        <v>321368.17963333329</v>
      </c>
      <c r="Q55" s="60">
        <v>313668.17963333329</v>
      </c>
      <c r="R55" s="60">
        <v>302406.46148733329</v>
      </c>
      <c r="S55" s="60">
        <v>288404.2621013333</v>
      </c>
      <c r="T55" s="60">
        <v>283633.85363333329</v>
      </c>
      <c r="U55" s="60">
        <v>282065.4616333333</v>
      </c>
      <c r="V55" s="61">
        <v>282065.4616333333</v>
      </c>
    </row>
    <row r="56" spans="1:22">
      <c r="A56" s="62" t="s">
        <v>85</v>
      </c>
      <c r="B56" s="63"/>
      <c r="C56" s="64">
        <v>143805.19087350002</v>
      </c>
      <c r="D56" s="65">
        <v>200202.70087350003</v>
      </c>
      <c r="E56" s="65">
        <v>256600.21087350004</v>
      </c>
      <c r="F56" s="65">
        <v>312997.72087350005</v>
      </c>
      <c r="G56" s="65">
        <v>369395.23087350006</v>
      </c>
      <c r="H56" s="65">
        <v>281987.55</v>
      </c>
      <c r="I56" s="65">
        <v>281987.55</v>
      </c>
      <c r="J56" s="65">
        <v>281987.55</v>
      </c>
      <c r="K56" s="65">
        <v>281987.55</v>
      </c>
      <c r="L56" s="65">
        <v>281987.55</v>
      </c>
      <c r="M56" s="65">
        <v>281987.55</v>
      </c>
      <c r="N56" s="65">
        <v>281987.55</v>
      </c>
      <c r="O56" s="65">
        <v>281987.55</v>
      </c>
      <c r="P56" s="65">
        <v>281987.55</v>
      </c>
      <c r="Q56" s="65">
        <v>281987.55</v>
      </c>
      <c r="R56" s="65">
        <v>281987.55</v>
      </c>
      <c r="S56" s="65">
        <v>281987.55</v>
      </c>
      <c r="T56" s="65">
        <v>281987.55</v>
      </c>
      <c r="U56" s="65">
        <v>281987.55</v>
      </c>
      <c r="V56" s="66">
        <v>281987.55</v>
      </c>
    </row>
    <row r="57" spans="1:22">
      <c r="A57" s="67" t="s">
        <v>86</v>
      </c>
      <c r="B57" s="40"/>
      <c r="C57" s="68">
        <v>77.911633333333327</v>
      </c>
      <c r="D57" s="41">
        <v>77.911633333333327</v>
      </c>
      <c r="E57" s="41">
        <v>77.911633333333327</v>
      </c>
      <c r="F57" s="41">
        <v>77.911633333333327</v>
      </c>
      <c r="G57" s="41">
        <v>77.911633333333327</v>
      </c>
      <c r="H57" s="41">
        <v>77.911633333333327</v>
      </c>
      <c r="I57" s="41">
        <v>77.911633333333327</v>
      </c>
      <c r="J57" s="41">
        <v>77.911633333333327</v>
      </c>
      <c r="K57" s="41">
        <v>77.911633333333327</v>
      </c>
      <c r="L57" s="41">
        <v>77.911633333333327</v>
      </c>
      <c r="M57" s="41">
        <v>77.911633333333327</v>
      </c>
      <c r="N57" s="41">
        <v>77.911633333333327</v>
      </c>
      <c r="O57" s="41">
        <v>77.911633333333327</v>
      </c>
      <c r="P57" s="41">
        <v>77.911633333333327</v>
      </c>
      <c r="Q57" s="41">
        <v>77.911633333333327</v>
      </c>
      <c r="R57" s="41">
        <v>77.911633333333327</v>
      </c>
      <c r="S57" s="41">
        <v>77.911633333333327</v>
      </c>
      <c r="T57" s="41">
        <v>77.911633333333327</v>
      </c>
      <c r="U57" s="41">
        <v>77.911633333333327</v>
      </c>
      <c r="V57" s="69">
        <v>77.911633333333327</v>
      </c>
    </row>
    <row r="58" spans="1:22">
      <c r="A58" s="70" t="s">
        <v>87</v>
      </c>
      <c r="B58" s="71"/>
      <c r="C58" s="72">
        <v>15881.718145999999</v>
      </c>
      <c r="D58" s="73">
        <v>29883.917531999999</v>
      </c>
      <c r="E58" s="73">
        <v>34654.326000000001</v>
      </c>
      <c r="F58" s="73">
        <v>36222.718000000001</v>
      </c>
      <c r="G58" s="73">
        <v>36222.718000000001</v>
      </c>
      <c r="H58" s="73">
        <v>20340.999853999998</v>
      </c>
      <c r="I58" s="73">
        <v>6338.8004679999995</v>
      </c>
      <c r="J58" s="73">
        <v>1568.3920000000001</v>
      </c>
      <c r="K58" s="73">
        <v>0</v>
      </c>
      <c r="L58" s="73">
        <v>7700</v>
      </c>
      <c r="M58" s="73">
        <v>18961.718145999999</v>
      </c>
      <c r="N58" s="73">
        <v>32963.917531999999</v>
      </c>
      <c r="O58" s="73">
        <v>37734.326000000001</v>
      </c>
      <c r="P58" s="73">
        <v>39302.718000000001</v>
      </c>
      <c r="Q58" s="73">
        <v>31602.718000000001</v>
      </c>
      <c r="R58" s="73">
        <v>20340.999853999998</v>
      </c>
      <c r="S58" s="73">
        <v>6338.8004679999995</v>
      </c>
      <c r="T58" s="73">
        <v>1568.3920000000001</v>
      </c>
      <c r="U58" s="73">
        <v>0</v>
      </c>
      <c r="V58" s="74">
        <v>0</v>
      </c>
    </row>
    <row r="88" spans="11:11" ht="12.75">
      <c r="K88" s="119" t="s">
        <v>116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>
  <sheetPr codeName="Plan8"/>
  <dimension ref="A1:X88"/>
  <sheetViews>
    <sheetView view="pageBreakPreview" topLeftCell="A49" zoomScale="80" zoomScaleNormal="100" zoomScaleSheetLayoutView="80" workbookViewId="0">
      <selection activeCell="K88" sqref="K88"/>
    </sheetView>
  </sheetViews>
  <sheetFormatPr defaultRowHeight="11.25"/>
  <cols>
    <col min="1" max="1" width="33.5703125" style="2" customWidth="1"/>
    <col min="2" max="2" width="11.85546875" style="2" bestFit="1" customWidth="1"/>
    <col min="3" max="3" width="11.5703125" style="2" bestFit="1" customWidth="1"/>
    <col min="4" max="22" width="10.5703125" style="2" customWidth="1"/>
    <col min="23" max="23" width="9.140625" style="2"/>
    <col min="24" max="24" width="9.140625" style="2" hidden="1" customWidth="1"/>
    <col min="25" max="25" width="9.140625" style="2" customWidth="1"/>
    <col min="26" max="16384" width="9.140625" style="2"/>
  </cols>
  <sheetData>
    <row r="1" spans="1:22" ht="18">
      <c r="A1" s="93" t="s">
        <v>88</v>
      </c>
    </row>
    <row r="4" spans="1:22" ht="18">
      <c r="A4" s="93" t="s">
        <v>112</v>
      </c>
    </row>
    <row r="5" spans="1:22" ht="15.75">
      <c r="A5" s="105" t="s">
        <v>46</v>
      </c>
    </row>
    <row r="6" spans="1:22" ht="15.75">
      <c r="A6" s="94" t="s">
        <v>113</v>
      </c>
    </row>
    <row r="7" spans="1:22" ht="12.75">
      <c r="A7" s="106" t="s">
        <v>57</v>
      </c>
      <c r="B7" s="107"/>
      <c r="C7" s="108">
        <v>10</v>
      </c>
    </row>
    <row r="8" spans="1:22" ht="12.75">
      <c r="A8" s="109" t="s">
        <v>59</v>
      </c>
      <c r="B8" s="110"/>
      <c r="C8" s="120">
        <v>44468.226710097711</v>
      </c>
    </row>
    <row r="9" spans="1:22" ht="12.75">
      <c r="A9" s="112"/>
      <c r="B9" s="112"/>
      <c r="C9" s="113"/>
    </row>
    <row r="10" spans="1:22" ht="12.75">
      <c r="A10" s="106" t="s">
        <v>60</v>
      </c>
      <c r="B10" s="107"/>
      <c r="C10" s="114">
        <v>37194.016172382137</v>
      </c>
    </row>
    <row r="11" spans="1:22" ht="12.75">
      <c r="A11" s="106" t="s">
        <v>61</v>
      </c>
      <c r="B11" s="107"/>
      <c r="C11" s="114">
        <v>9157.6522289999994</v>
      </c>
    </row>
    <row r="12" spans="1:22" ht="12.75">
      <c r="A12" s="106" t="s">
        <v>62</v>
      </c>
      <c r="B12" s="107"/>
      <c r="C12" s="115">
        <v>28036.363943382141</v>
      </c>
    </row>
    <row r="13" spans="1:22" ht="12.75">
      <c r="A13" s="106" t="s">
        <v>63</v>
      </c>
      <c r="B13" s="107"/>
      <c r="C13" s="114">
        <v>16658.834288639999</v>
      </c>
    </row>
    <row r="14" spans="1:22">
      <c r="A14" s="40"/>
      <c r="B14" s="40"/>
      <c r="C14" s="41"/>
    </row>
    <row r="15" spans="1:22" ht="18">
      <c r="A15" s="116" t="s">
        <v>114</v>
      </c>
      <c r="C15" s="41"/>
      <c r="D15" s="28"/>
      <c r="V15" s="42" t="s">
        <v>64</v>
      </c>
    </row>
    <row r="16" spans="1:22">
      <c r="A16" s="43"/>
      <c r="B16" s="43" t="s">
        <v>3</v>
      </c>
      <c r="C16" s="43" t="s">
        <v>4</v>
      </c>
      <c r="D16" s="43" t="s">
        <v>5</v>
      </c>
      <c r="E16" s="43" t="s">
        <v>6</v>
      </c>
      <c r="F16" s="43" t="s">
        <v>7</v>
      </c>
      <c r="G16" s="43" t="s">
        <v>8</v>
      </c>
      <c r="H16" s="43" t="s">
        <v>9</v>
      </c>
      <c r="I16" s="43" t="s">
        <v>10</v>
      </c>
      <c r="J16" s="43" t="s">
        <v>11</v>
      </c>
      <c r="K16" s="43" t="s">
        <v>12</v>
      </c>
      <c r="L16" s="43" t="s">
        <v>13</v>
      </c>
      <c r="M16" s="43" t="s">
        <v>14</v>
      </c>
      <c r="N16" s="43" t="s">
        <v>15</v>
      </c>
      <c r="O16" s="43" t="s">
        <v>16</v>
      </c>
      <c r="P16" s="43" t="s">
        <v>17</v>
      </c>
      <c r="Q16" s="43" t="s">
        <v>18</v>
      </c>
      <c r="R16" s="43" t="s">
        <v>19</v>
      </c>
      <c r="S16" s="43" t="s">
        <v>20</v>
      </c>
      <c r="T16" s="43" t="s">
        <v>21</v>
      </c>
      <c r="U16" s="43" t="s">
        <v>22</v>
      </c>
      <c r="V16" s="43" t="s">
        <v>23</v>
      </c>
    </row>
    <row r="17" spans="1:22">
      <c r="A17" s="40" t="s">
        <v>65</v>
      </c>
      <c r="B17" s="40"/>
      <c r="C17" s="41">
        <v>5336187.2052117251</v>
      </c>
      <c r="D17" s="41">
        <v>5336187.2052117251</v>
      </c>
      <c r="E17" s="41">
        <v>5336187.2052117251</v>
      </c>
      <c r="F17" s="41">
        <v>5336187.2052117251</v>
      </c>
      <c r="G17" s="41">
        <v>5336187.2052117251</v>
      </c>
      <c r="H17" s="41">
        <v>5336187.2052117251</v>
      </c>
      <c r="I17" s="41">
        <v>5336187.2052117251</v>
      </c>
      <c r="J17" s="41">
        <v>5336187.2052117251</v>
      </c>
      <c r="K17" s="41">
        <v>5336187.2052117251</v>
      </c>
      <c r="L17" s="41">
        <v>5336187.2052117251</v>
      </c>
      <c r="M17" s="41">
        <v>5336187.2052117251</v>
      </c>
      <c r="N17" s="41">
        <v>5336187.2052117251</v>
      </c>
      <c r="O17" s="41">
        <v>5336187.2052117251</v>
      </c>
      <c r="P17" s="41">
        <v>5336187.2052117251</v>
      </c>
      <c r="Q17" s="41">
        <v>5336187.2052117251</v>
      </c>
      <c r="R17" s="41">
        <v>5336187.2052117251</v>
      </c>
      <c r="S17" s="41">
        <v>5336187.2052117251</v>
      </c>
      <c r="T17" s="41">
        <v>5336187.2052117251</v>
      </c>
      <c r="U17" s="41">
        <v>5336187.2052117251</v>
      </c>
      <c r="V17" s="41">
        <v>5336187.2052117251</v>
      </c>
    </row>
    <row r="18" spans="1:22">
      <c r="A18" s="44" t="s">
        <v>66</v>
      </c>
      <c r="B18" s="44"/>
      <c r="C18" s="45">
        <v>106723.7441042345</v>
      </c>
      <c r="D18" s="45">
        <v>106723.7441042345</v>
      </c>
      <c r="E18" s="45">
        <v>106723.7441042345</v>
      </c>
      <c r="F18" s="45">
        <v>106723.7441042345</v>
      </c>
      <c r="G18" s="45">
        <v>106723.7441042345</v>
      </c>
      <c r="H18" s="45">
        <v>106723.7441042345</v>
      </c>
      <c r="I18" s="45">
        <v>106723.7441042345</v>
      </c>
      <c r="J18" s="45">
        <v>106723.7441042345</v>
      </c>
      <c r="K18" s="45">
        <v>106723.7441042345</v>
      </c>
      <c r="L18" s="45">
        <v>106723.7441042345</v>
      </c>
      <c r="M18" s="45">
        <v>106723.7441042345</v>
      </c>
      <c r="N18" s="45">
        <v>106723.7441042345</v>
      </c>
      <c r="O18" s="45">
        <v>106723.7441042345</v>
      </c>
      <c r="P18" s="45">
        <v>106723.7441042345</v>
      </c>
      <c r="Q18" s="45">
        <v>106723.7441042345</v>
      </c>
      <c r="R18" s="45">
        <v>106723.7441042345</v>
      </c>
      <c r="S18" s="45">
        <v>106723.7441042345</v>
      </c>
      <c r="T18" s="45">
        <v>106723.7441042345</v>
      </c>
      <c r="U18" s="45">
        <v>106723.7441042345</v>
      </c>
      <c r="V18" s="45">
        <v>106723.7441042345</v>
      </c>
    </row>
    <row r="19" spans="1:22">
      <c r="A19" s="40" t="s">
        <v>67</v>
      </c>
      <c r="B19" s="40"/>
      <c r="C19" s="46">
        <v>5229463.4611074906</v>
      </c>
      <c r="D19" s="46">
        <v>5229463.4611074906</v>
      </c>
      <c r="E19" s="46">
        <v>5229463.4611074906</v>
      </c>
      <c r="F19" s="46">
        <v>5229463.4611074906</v>
      </c>
      <c r="G19" s="46">
        <v>5229463.4611074906</v>
      </c>
      <c r="H19" s="46">
        <v>5229463.4611074906</v>
      </c>
      <c r="I19" s="46">
        <v>5229463.4611074906</v>
      </c>
      <c r="J19" s="46">
        <v>5229463.4611074906</v>
      </c>
      <c r="K19" s="46">
        <v>5229463.4611074906</v>
      </c>
      <c r="L19" s="46">
        <v>5229463.4611074906</v>
      </c>
      <c r="M19" s="46">
        <v>5229463.4611074906</v>
      </c>
      <c r="N19" s="46">
        <v>5229463.4611074906</v>
      </c>
      <c r="O19" s="46">
        <v>5229463.4611074906</v>
      </c>
      <c r="P19" s="46">
        <v>5229463.4611074906</v>
      </c>
      <c r="Q19" s="46">
        <v>5229463.4611074906</v>
      </c>
      <c r="R19" s="46">
        <v>5229463.4611074906</v>
      </c>
      <c r="S19" s="46">
        <v>5229463.4611074906</v>
      </c>
      <c r="T19" s="46">
        <v>5229463.4611074906</v>
      </c>
      <c r="U19" s="46">
        <v>5229463.4611074906</v>
      </c>
      <c r="V19" s="46">
        <v>5229463.4611074906</v>
      </c>
    </row>
    <row r="20" spans="1:22">
      <c r="A20" s="40"/>
      <c r="B20" s="40"/>
      <c r="C20" s="40"/>
      <c r="D20" s="40"/>
      <c r="E20" s="40"/>
      <c r="F20" s="40"/>
      <c r="G20" s="40"/>
      <c r="H20" s="40"/>
      <c r="I20" s="40"/>
      <c r="J20" s="40"/>
      <c r="K20" s="40"/>
      <c r="L20" s="40"/>
      <c r="M20" s="40"/>
      <c r="N20" s="40"/>
      <c r="O20" s="40"/>
      <c r="P20" s="40"/>
      <c r="Q20" s="40"/>
      <c r="R20" s="40"/>
      <c r="S20" s="40"/>
      <c r="T20" s="40"/>
      <c r="U20" s="40"/>
      <c r="V20" s="40"/>
    </row>
    <row r="21" spans="1:22">
      <c r="A21" s="44" t="s">
        <v>68</v>
      </c>
      <c r="B21" s="44"/>
      <c r="C21" s="45">
        <v>4636873.4835722568</v>
      </c>
      <c r="D21" s="45">
        <v>4636873.4835722568</v>
      </c>
      <c r="E21" s="45">
        <v>4636873.4835722568</v>
      </c>
      <c r="F21" s="45">
        <v>4644276.2835722566</v>
      </c>
      <c r="G21" s="45">
        <v>4644276.2835722566</v>
      </c>
      <c r="H21" s="45">
        <v>4644276.2835722566</v>
      </c>
      <c r="I21" s="45">
        <v>4644276.2835722566</v>
      </c>
      <c r="J21" s="45">
        <v>4644276.2835722566</v>
      </c>
      <c r="K21" s="45">
        <v>4644276.2835722566</v>
      </c>
      <c r="L21" s="45">
        <v>4644276.2835722566</v>
      </c>
      <c r="M21" s="47">
        <v>4636873.4835722568</v>
      </c>
      <c r="N21" s="47">
        <v>4636873.4835722568</v>
      </c>
      <c r="O21" s="47">
        <v>4636873.4835722568</v>
      </c>
      <c r="P21" s="47">
        <v>4644276.2835722566</v>
      </c>
      <c r="Q21" s="47">
        <v>4644276.2835722566</v>
      </c>
      <c r="R21" s="47">
        <v>4644276.2835722566</v>
      </c>
      <c r="S21" s="47">
        <v>4644276.2835722566</v>
      </c>
      <c r="T21" s="47">
        <v>4644276.2835722566</v>
      </c>
      <c r="U21" s="47">
        <v>4644276.2835722566</v>
      </c>
      <c r="V21" s="47">
        <v>4644276.2835722566</v>
      </c>
    </row>
    <row r="22" spans="1:22">
      <c r="A22" s="40"/>
      <c r="B22" s="40"/>
      <c r="C22" s="40"/>
      <c r="D22" s="40"/>
      <c r="E22" s="40"/>
      <c r="F22" s="40"/>
      <c r="G22" s="40"/>
      <c r="H22" s="40"/>
      <c r="I22" s="40"/>
      <c r="J22" s="40"/>
      <c r="K22" s="40"/>
      <c r="L22" s="40"/>
      <c r="M22" s="40"/>
      <c r="N22" s="40"/>
      <c r="O22" s="40"/>
      <c r="P22" s="40"/>
      <c r="Q22" s="40"/>
      <c r="R22" s="40"/>
      <c r="S22" s="40"/>
      <c r="T22" s="40"/>
      <c r="U22" s="40"/>
      <c r="V22" s="40"/>
    </row>
    <row r="23" spans="1:22">
      <c r="A23" s="40" t="s">
        <v>69</v>
      </c>
      <c r="B23" s="40"/>
      <c r="C23" s="41">
        <v>237633.62260408342</v>
      </c>
      <c r="D23" s="41">
        <v>324253.55458408338</v>
      </c>
      <c r="E23" s="41">
        <v>397685.21382408345</v>
      </c>
      <c r="F23" s="41">
        <v>466542.56382408348</v>
      </c>
      <c r="G23" s="41">
        <v>533159.35382408346</v>
      </c>
      <c r="H23" s="41">
        <v>362253.82355333341</v>
      </c>
      <c r="I23" s="41">
        <v>342250.68157333345</v>
      </c>
      <c r="J23" s="41">
        <v>335435.81233333342</v>
      </c>
      <c r="K23" s="41">
        <v>333195.25233333342</v>
      </c>
      <c r="L23" s="41">
        <v>344195.25233333342</v>
      </c>
      <c r="M23" s="41">
        <v>360283.42111333343</v>
      </c>
      <c r="N23" s="41">
        <v>380286.56309333339</v>
      </c>
      <c r="O23" s="41">
        <v>387101.43233333342</v>
      </c>
      <c r="P23" s="41">
        <v>389341.99233333342</v>
      </c>
      <c r="Q23" s="41">
        <v>378341.99233333342</v>
      </c>
      <c r="R23" s="41">
        <v>362253.82355333341</v>
      </c>
      <c r="S23" s="41">
        <v>342250.68157333345</v>
      </c>
      <c r="T23" s="41">
        <v>335435.81233333342</v>
      </c>
      <c r="U23" s="41">
        <v>333195.25233333342</v>
      </c>
      <c r="V23" s="41">
        <v>333195.25233333342</v>
      </c>
    </row>
    <row r="24" spans="1:22">
      <c r="A24" s="40"/>
      <c r="B24" s="40"/>
      <c r="C24" s="40"/>
      <c r="D24" s="40"/>
      <c r="E24" s="40"/>
      <c r="F24" s="40"/>
      <c r="G24" s="40"/>
      <c r="H24" s="40"/>
      <c r="I24" s="40"/>
      <c r="J24" s="40"/>
      <c r="K24" s="40"/>
      <c r="L24" s="40"/>
      <c r="M24" s="40"/>
      <c r="N24" s="40"/>
      <c r="O24" s="40"/>
      <c r="P24" s="40"/>
      <c r="Q24" s="40"/>
      <c r="R24" s="40"/>
      <c r="S24" s="40"/>
      <c r="T24" s="40"/>
      <c r="U24" s="40"/>
      <c r="V24" s="40"/>
    </row>
    <row r="25" spans="1:22">
      <c r="A25" s="44" t="s">
        <v>70</v>
      </c>
      <c r="B25" s="44"/>
      <c r="C25" s="47">
        <v>354956.35493115045</v>
      </c>
      <c r="D25" s="47">
        <v>268336.42295115045</v>
      </c>
      <c r="E25" s="47">
        <v>194904.76371115039</v>
      </c>
      <c r="F25" s="47">
        <v>118644.61371115054</v>
      </c>
      <c r="G25" s="47">
        <v>52027.823711150559</v>
      </c>
      <c r="H25" s="47">
        <v>222933.35398190061</v>
      </c>
      <c r="I25" s="47">
        <v>242936.49596190057</v>
      </c>
      <c r="J25" s="47">
        <v>249751.3652019006</v>
      </c>
      <c r="K25" s="47">
        <v>251991.92520190059</v>
      </c>
      <c r="L25" s="47">
        <v>240991.92520190059</v>
      </c>
      <c r="M25" s="47">
        <v>232306.5564219004</v>
      </c>
      <c r="N25" s="47">
        <v>212303.41444190044</v>
      </c>
      <c r="O25" s="47">
        <v>205488.54520190042</v>
      </c>
      <c r="P25" s="47">
        <v>195845.1852019006</v>
      </c>
      <c r="Q25" s="47">
        <v>206845.1852019006</v>
      </c>
      <c r="R25" s="47">
        <v>222933.35398190061</v>
      </c>
      <c r="S25" s="47">
        <v>242936.49596190057</v>
      </c>
      <c r="T25" s="47">
        <v>249751.3652019006</v>
      </c>
      <c r="U25" s="47">
        <v>251991.92520190059</v>
      </c>
      <c r="V25" s="47">
        <v>251991.92520190059</v>
      </c>
    </row>
    <row r="26" spans="1:22">
      <c r="A26" s="40"/>
      <c r="B26" s="40"/>
      <c r="C26" s="40"/>
      <c r="D26" s="40"/>
      <c r="E26" s="40"/>
      <c r="F26" s="40"/>
      <c r="G26" s="40"/>
      <c r="H26" s="40"/>
      <c r="I26" s="40"/>
      <c r="J26" s="40"/>
      <c r="K26" s="40"/>
      <c r="L26" s="40"/>
      <c r="M26" s="40"/>
      <c r="N26" s="40"/>
      <c r="O26" s="40"/>
      <c r="P26" s="40"/>
      <c r="Q26" s="40"/>
      <c r="R26" s="40"/>
      <c r="S26" s="40"/>
      <c r="T26" s="40"/>
      <c r="U26" s="40"/>
      <c r="V26" s="40"/>
    </row>
    <row r="27" spans="1:22">
      <c r="A27" s="40" t="s">
        <v>71</v>
      </c>
      <c r="B27" s="40"/>
      <c r="C27" s="41">
        <v>120685.16067659116</v>
      </c>
      <c r="D27" s="41">
        <v>91234.38380339116</v>
      </c>
      <c r="E27" s="41">
        <v>66267.619661791134</v>
      </c>
      <c r="F27" s="41">
        <v>40339.168661791184</v>
      </c>
      <c r="G27" s="41">
        <v>17689.460061791193</v>
      </c>
      <c r="H27" s="41">
        <v>75797.340353846215</v>
      </c>
      <c r="I27" s="41">
        <v>82598.408627046199</v>
      </c>
      <c r="J27" s="41">
        <v>84915.464168646213</v>
      </c>
      <c r="K27" s="41">
        <v>85677.254568646211</v>
      </c>
      <c r="L27" s="41">
        <v>81937.254568646211</v>
      </c>
      <c r="M27" s="41">
        <v>78984.229183446136</v>
      </c>
      <c r="N27" s="41">
        <v>72183.160910246152</v>
      </c>
      <c r="O27" s="41">
        <v>69866.105368646153</v>
      </c>
      <c r="P27" s="41">
        <v>66587.362968646208</v>
      </c>
      <c r="Q27" s="41">
        <v>70327.362968646208</v>
      </c>
      <c r="R27" s="41">
        <v>75797.340353846215</v>
      </c>
      <c r="S27" s="41">
        <v>82598.408627046199</v>
      </c>
      <c r="T27" s="41">
        <v>84915.464168646213</v>
      </c>
      <c r="U27" s="41">
        <v>85677.254568646211</v>
      </c>
      <c r="V27" s="41">
        <v>85677.254568646211</v>
      </c>
    </row>
    <row r="28" spans="1:22">
      <c r="A28" s="40"/>
      <c r="B28" s="40"/>
      <c r="C28" s="40"/>
      <c r="D28" s="40"/>
      <c r="E28" s="40"/>
      <c r="F28" s="40"/>
      <c r="G28" s="40"/>
      <c r="H28" s="40"/>
      <c r="I28" s="40"/>
      <c r="J28" s="40"/>
      <c r="K28" s="40"/>
      <c r="L28" s="40"/>
      <c r="M28" s="40"/>
      <c r="N28" s="40"/>
      <c r="O28" s="40"/>
      <c r="P28" s="40"/>
      <c r="Q28" s="40"/>
      <c r="R28" s="40"/>
      <c r="S28" s="40"/>
      <c r="T28" s="40"/>
      <c r="U28" s="40"/>
      <c r="V28" s="40"/>
    </row>
    <row r="29" spans="1:22">
      <c r="A29" s="44" t="s">
        <v>72</v>
      </c>
      <c r="B29" s="44"/>
      <c r="C29" s="47">
        <v>234271.19425455929</v>
      </c>
      <c r="D29" s="47">
        <v>177102.03914775929</v>
      </c>
      <c r="E29" s="47">
        <v>128637.14404935925</v>
      </c>
      <c r="F29" s="47">
        <v>78305.445049359347</v>
      </c>
      <c r="G29" s="47">
        <v>34338.363649359366</v>
      </c>
      <c r="H29" s="47">
        <v>147136.01362805441</v>
      </c>
      <c r="I29" s="47">
        <v>160338.08733485435</v>
      </c>
      <c r="J29" s="47">
        <v>164835.9010332544</v>
      </c>
      <c r="K29" s="47">
        <v>166314.6706332544</v>
      </c>
      <c r="L29" s="47">
        <v>159054.6706332544</v>
      </c>
      <c r="M29" s="47">
        <v>153322.32723845425</v>
      </c>
      <c r="N29" s="47">
        <v>140120.25353165431</v>
      </c>
      <c r="O29" s="47">
        <v>135622.43983325426</v>
      </c>
      <c r="P29" s="47">
        <v>129257.8222332544</v>
      </c>
      <c r="Q29" s="47">
        <v>136517.82223325438</v>
      </c>
      <c r="R29" s="47">
        <v>147136.01362805441</v>
      </c>
      <c r="S29" s="47">
        <v>160338.08733485435</v>
      </c>
      <c r="T29" s="47">
        <v>164835.9010332544</v>
      </c>
      <c r="U29" s="47">
        <v>166314.6706332544</v>
      </c>
      <c r="V29" s="47">
        <v>166314.6706332544</v>
      </c>
    </row>
    <row r="30" spans="1:22">
      <c r="A30" s="40"/>
      <c r="B30" s="40"/>
      <c r="C30" s="40"/>
      <c r="D30" s="40"/>
      <c r="E30" s="40"/>
      <c r="F30" s="40"/>
      <c r="G30" s="40"/>
      <c r="H30" s="40"/>
      <c r="I30" s="40"/>
      <c r="J30" s="40"/>
      <c r="K30" s="40"/>
      <c r="L30" s="40"/>
      <c r="M30" s="40"/>
      <c r="N30" s="40"/>
      <c r="O30" s="40"/>
      <c r="P30" s="40"/>
      <c r="Q30" s="40"/>
      <c r="R30" s="40"/>
      <c r="S30" s="40"/>
      <c r="T30" s="40"/>
      <c r="U30" s="40"/>
      <c r="V30" s="40"/>
    </row>
    <row r="31" spans="1:22">
      <c r="A31" s="40" t="s">
        <v>73</v>
      </c>
      <c r="B31" s="40"/>
      <c r="C31" s="41">
        <v>237633.62260408342</v>
      </c>
      <c r="D31" s="41">
        <v>324253.55458408338</v>
      </c>
      <c r="E31" s="41">
        <v>397685.21382408345</v>
      </c>
      <c r="F31" s="41">
        <v>466542.56382408348</v>
      </c>
      <c r="G31" s="41">
        <v>533159.35382408346</v>
      </c>
      <c r="H31" s="41">
        <v>362253.82355333341</v>
      </c>
      <c r="I31" s="41">
        <v>342250.68157333345</v>
      </c>
      <c r="J31" s="41">
        <v>335435.81233333342</v>
      </c>
      <c r="K31" s="41">
        <v>333195.25233333342</v>
      </c>
      <c r="L31" s="41">
        <v>344195.25233333342</v>
      </c>
      <c r="M31" s="41">
        <v>360283.42111333343</v>
      </c>
      <c r="N31" s="41">
        <v>380286.56309333339</v>
      </c>
      <c r="O31" s="41">
        <v>387101.43233333342</v>
      </c>
      <c r="P31" s="41">
        <v>389341.99233333342</v>
      </c>
      <c r="Q31" s="41">
        <v>378341.99233333342</v>
      </c>
      <c r="R31" s="41">
        <v>362253.82355333341</v>
      </c>
      <c r="S31" s="41">
        <v>342250.68157333345</v>
      </c>
      <c r="T31" s="41">
        <v>335435.81233333342</v>
      </c>
      <c r="U31" s="41">
        <v>333195.25233333342</v>
      </c>
      <c r="V31" s="41">
        <v>333195.25233333342</v>
      </c>
    </row>
    <row r="32" spans="1:22">
      <c r="A32" s="40"/>
      <c r="B32" s="40"/>
      <c r="C32" s="40"/>
      <c r="D32" s="40"/>
      <c r="E32" s="40"/>
      <c r="F32" s="40"/>
      <c r="G32" s="40"/>
      <c r="H32" s="40"/>
      <c r="I32" s="40"/>
      <c r="J32" s="40"/>
      <c r="K32" s="40"/>
      <c r="L32" s="40"/>
      <c r="M32" s="40"/>
      <c r="N32" s="40"/>
      <c r="O32" s="40"/>
      <c r="P32" s="40"/>
      <c r="Q32" s="40"/>
      <c r="R32" s="40"/>
      <c r="S32" s="40"/>
      <c r="T32" s="40"/>
      <c r="U32" s="40"/>
      <c r="V32" s="40"/>
    </row>
    <row r="33" spans="1:22">
      <c r="A33" s="44" t="s">
        <v>74</v>
      </c>
      <c r="B33" s="44"/>
      <c r="C33" s="47">
        <v>471904.81685864273</v>
      </c>
      <c r="D33" s="47">
        <v>501355.5937318427</v>
      </c>
      <c r="E33" s="47">
        <v>526322.3578734427</v>
      </c>
      <c r="F33" s="47">
        <v>544848.00887344289</v>
      </c>
      <c r="G33" s="47">
        <v>567497.71747344278</v>
      </c>
      <c r="H33" s="47">
        <v>509389.83718138782</v>
      </c>
      <c r="I33" s="47">
        <v>502588.76890818781</v>
      </c>
      <c r="J33" s="47">
        <v>500271.71336658782</v>
      </c>
      <c r="K33" s="47">
        <v>499509.92296658782</v>
      </c>
      <c r="L33" s="47">
        <v>503249.92296658782</v>
      </c>
      <c r="M33" s="47">
        <v>513605.74835178768</v>
      </c>
      <c r="N33" s="47">
        <v>520406.8166249877</v>
      </c>
      <c r="O33" s="47">
        <v>522723.87216658768</v>
      </c>
      <c r="P33" s="47">
        <v>518599.8145665878</v>
      </c>
      <c r="Q33" s="47">
        <v>514859.8145665878</v>
      </c>
      <c r="R33" s="47">
        <v>509389.83718138782</v>
      </c>
      <c r="S33" s="47">
        <v>502588.76890818781</v>
      </c>
      <c r="T33" s="47">
        <v>500271.71336658782</v>
      </c>
      <c r="U33" s="47">
        <v>499509.92296658782</v>
      </c>
      <c r="V33" s="47">
        <v>499509.92296658782</v>
      </c>
    </row>
    <row r="34" spans="1:22">
      <c r="A34" s="40"/>
      <c r="B34" s="40"/>
      <c r="C34" s="40"/>
      <c r="D34" s="40"/>
      <c r="E34" s="40"/>
      <c r="F34" s="40"/>
      <c r="G34" s="40"/>
      <c r="H34" s="40"/>
      <c r="I34" s="40"/>
      <c r="J34" s="40"/>
      <c r="K34" s="40"/>
      <c r="L34" s="40"/>
      <c r="M34" s="40"/>
      <c r="N34" s="40"/>
      <c r="O34" s="40"/>
      <c r="P34" s="40"/>
      <c r="Q34" s="40"/>
      <c r="R34" s="40"/>
      <c r="S34" s="40"/>
      <c r="T34" s="40"/>
      <c r="U34" s="40"/>
      <c r="V34" s="40"/>
    </row>
    <row r="35" spans="1:22">
      <c r="A35" s="40" t="s">
        <v>75</v>
      </c>
      <c r="B35" s="46">
        <v>1533516.591448456</v>
      </c>
      <c r="C35" s="46">
        <v>413524.79389999999</v>
      </c>
      <c r="D35" s="46">
        <v>433099.65989999997</v>
      </c>
      <c r="E35" s="46">
        <v>367158.29619999998</v>
      </c>
      <c r="F35" s="46">
        <v>344286.75</v>
      </c>
      <c r="G35" s="46">
        <v>333083.95</v>
      </c>
      <c r="H35" s="46">
        <v>333083.95</v>
      </c>
      <c r="I35" s="46">
        <v>333083.95</v>
      </c>
      <c r="J35" s="46">
        <v>333083.95</v>
      </c>
      <c r="K35" s="46">
        <v>333083.95</v>
      </c>
      <c r="L35" s="46">
        <v>388083.95</v>
      </c>
      <c r="M35" s="46">
        <v>413524.79389999999</v>
      </c>
      <c r="N35" s="46">
        <v>433099.65989999997</v>
      </c>
      <c r="O35" s="46">
        <v>367158.29619999998</v>
      </c>
      <c r="P35" s="46">
        <v>344286.75</v>
      </c>
      <c r="Q35" s="46">
        <v>333083.95</v>
      </c>
      <c r="R35" s="46">
        <v>333083.95</v>
      </c>
      <c r="S35" s="46">
        <v>333083.95</v>
      </c>
      <c r="T35" s="46">
        <v>333083.95</v>
      </c>
      <c r="U35" s="46">
        <v>333083.95</v>
      </c>
      <c r="V35" s="46">
        <v>269565.13515654445</v>
      </c>
    </row>
    <row r="36" spans="1:22">
      <c r="A36" s="48" t="s">
        <v>76</v>
      </c>
      <c r="B36" s="47">
        <v>1432227.6766050004</v>
      </c>
      <c r="C36" s="47">
        <v>333083.95</v>
      </c>
      <c r="D36" s="47">
        <v>333083.95</v>
      </c>
      <c r="E36" s="47">
        <v>333083.95</v>
      </c>
      <c r="F36" s="47">
        <v>333083.95</v>
      </c>
      <c r="G36" s="47">
        <v>333083.95</v>
      </c>
      <c r="H36" s="47">
        <v>333083.95</v>
      </c>
      <c r="I36" s="47">
        <v>333083.95</v>
      </c>
      <c r="J36" s="47">
        <v>333083.95</v>
      </c>
      <c r="K36" s="47">
        <v>333083.95</v>
      </c>
      <c r="L36" s="47">
        <v>333083.95</v>
      </c>
      <c r="M36" s="47">
        <v>333083.95</v>
      </c>
      <c r="N36" s="47">
        <v>333083.95</v>
      </c>
      <c r="O36" s="47">
        <v>333083.95</v>
      </c>
      <c r="P36" s="47">
        <v>333083.95</v>
      </c>
      <c r="Q36" s="47">
        <v>333083.95</v>
      </c>
      <c r="R36" s="47">
        <v>333083.95</v>
      </c>
      <c r="S36" s="47">
        <v>333083.95</v>
      </c>
      <c r="T36" s="47">
        <v>333083.95</v>
      </c>
      <c r="U36" s="47">
        <v>333083.95</v>
      </c>
      <c r="V36" s="47">
        <v>333083.95</v>
      </c>
    </row>
    <row r="37" spans="1:22">
      <c r="A37" s="49" t="s">
        <v>77</v>
      </c>
      <c r="B37" s="41">
        <v>33000</v>
      </c>
      <c r="C37" s="41">
        <v>80440.843899999993</v>
      </c>
      <c r="D37" s="41">
        <v>100015.70989999999</v>
      </c>
      <c r="E37" s="41">
        <v>34074.3462</v>
      </c>
      <c r="F37" s="41">
        <v>11202.8</v>
      </c>
      <c r="G37" s="41">
        <v>0</v>
      </c>
      <c r="H37" s="41">
        <v>0</v>
      </c>
      <c r="I37" s="41">
        <v>0</v>
      </c>
      <c r="J37" s="41">
        <v>0</v>
      </c>
      <c r="K37" s="41">
        <v>0</v>
      </c>
      <c r="L37" s="41">
        <v>55000</v>
      </c>
      <c r="M37" s="41">
        <v>80440.843899999993</v>
      </c>
      <c r="N37" s="41">
        <v>100015.70989999999</v>
      </c>
      <c r="O37" s="41">
        <v>34074.3462</v>
      </c>
      <c r="P37" s="41">
        <v>11202.8</v>
      </c>
      <c r="Q37" s="41">
        <v>0</v>
      </c>
      <c r="R37" s="41">
        <v>0</v>
      </c>
      <c r="S37" s="41">
        <v>0</v>
      </c>
      <c r="T37" s="41">
        <v>0</v>
      </c>
      <c r="U37" s="41">
        <v>0</v>
      </c>
      <c r="V37" s="41">
        <v>0</v>
      </c>
    </row>
    <row r="38" spans="1:22">
      <c r="A38" s="48" t="s">
        <v>78</v>
      </c>
      <c r="B38" s="50">
        <v>4770.1000000000004</v>
      </c>
      <c r="C38" s="44">
        <v>0</v>
      </c>
      <c r="D38" s="44">
        <v>0</v>
      </c>
      <c r="E38" s="44">
        <v>0</v>
      </c>
      <c r="F38" s="44">
        <v>0</v>
      </c>
      <c r="G38" s="44">
        <v>0</v>
      </c>
      <c r="H38" s="44">
        <v>0</v>
      </c>
      <c r="I38" s="44">
        <v>0</v>
      </c>
      <c r="J38" s="44">
        <v>0</v>
      </c>
      <c r="K38" s="44">
        <v>0</v>
      </c>
      <c r="L38" s="44">
        <v>0</v>
      </c>
      <c r="M38" s="44"/>
      <c r="N38" s="44"/>
      <c r="O38" s="44"/>
      <c r="P38" s="44"/>
      <c r="Q38" s="44"/>
      <c r="R38" s="44"/>
      <c r="S38" s="44"/>
      <c r="T38" s="44"/>
      <c r="U38" s="44"/>
      <c r="V38" s="44"/>
    </row>
    <row r="39" spans="1:22">
      <c r="A39" s="49" t="s">
        <v>79</v>
      </c>
      <c r="B39" s="41">
        <v>63518.814843455577</v>
      </c>
      <c r="C39" s="40">
        <v>0</v>
      </c>
      <c r="D39" s="40">
        <v>0</v>
      </c>
      <c r="E39" s="40">
        <v>0</v>
      </c>
      <c r="F39" s="40">
        <v>0</v>
      </c>
      <c r="G39" s="40">
        <v>0</v>
      </c>
      <c r="H39" s="40">
        <v>0</v>
      </c>
      <c r="I39" s="40">
        <v>0</v>
      </c>
      <c r="J39" s="40">
        <v>0</v>
      </c>
      <c r="K39" s="40">
        <v>0</v>
      </c>
      <c r="L39" s="46">
        <v>0</v>
      </c>
      <c r="M39" s="46">
        <v>0</v>
      </c>
      <c r="N39" s="46">
        <v>0</v>
      </c>
      <c r="O39" s="46">
        <v>0</v>
      </c>
      <c r="P39" s="46">
        <v>0</v>
      </c>
      <c r="Q39" s="46">
        <v>0</v>
      </c>
      <c r="R39" s="46">
        <v>0</v>
      </c>
      <c r="S39" s="46">
        <v>0</v>
      </c>
      <c r="T39" s="46">
        <v>0</v>
      </c>
      <c r="U39" s="46">
        <v>0</v>
      </c>
      <c r="V39" s="46">
        <v>-63518.814843455577</v>
      </c>
    </row>
    <row r="40" spans="1:22">
      <c r="A40" s="40"/>
      <c r="B40" s="40"/>
      <c r="C40" s="40"/>
      <c r="D40" s="40"/>
      <c r="E40" s="40"/>
      <c r="F40" s="40"/>
      <c r="G40" s="40"/>
      <c r="H40" s="40"/>
      <c r="I40" s="40"/>
      <c r="J40" s="40"/>
      <c r="K40" s="40"/>
      <c r="L40" s="40"/>
      <c r="M40" s="40"/>
      <c r="N40" s="40"/>
      <c r="O40" s="40"/>
      <c r="P40" s="40"/>
      <c r="Q40" s="40"/>
      <c r="R40" s="40"/>
      <c r="S40" s="40"/>
      <c r="T40" s="40"/>
      <c r="U40" s="40"/>
      <c r="V40" s="40"/>
    </row>
    <row r="41" spans="1:22">
      <c r="A41" s="44" t="s">
        <v>80</v>
      </c>
      <c r="B41" s="45">
        <v>0</v>
      </c>
      <c r="C41" s="45">
        <v>14156.067875000001</v>
      </c>
      <c r="D41" s="45">
        <v>14156.067875000001</v>
      </c>
      <c r="E41" s="45">
        <v>14156.067875000001</v>
      </c>
      <c r="F41" s="45">
        <v>14156.067875000001</v>
      </c>
      <c r="G41" s="45">
        <v>14156.067875000001</v>
      </c>
      <c r="H41" s="45">
        <v>14156.067875000001</v>
      </c>
      <c r="I41" s="45">
        <v>14156.067875000001</v>
      </c>
      <c r="J41" s="45">
        <v>14156.067875000001</v>
      </c>
      <c r="K41" s="45">
        <v>14156.067875000001</v>
      </c>
      <c r="L41" s="45">
        <v>14156.067875000001</v>
      </c>
      <c r="M41" s="45">
        <v>14156.067875000001</v>
      </c>
      <c r="N41" s="45">
        <v>14156.067875000001</v>
      </c>
      <c r="O41" s="45">
        <v>14156.067875000001</v>
      </c>
      <c r="P41" s="45">
        <v>14156.067875000001</v>
      </c>
      <c r="Q41" s="45">
        <v>14156.067875000001</v>
      </c>
      <c r="R41" s="45">
        <v>14156.067875000001</v>
      </c>
      <c r="S41" s="45">
        <v>14156.067875000001</v>
      </c>
      <c r="T41" s="45">
        <v>14156.067875000001</v>
      </c>
      <c r="U41" s="45">
        <v>14156.067875000001</v>
      </c>
      <c r="V41" s="45">
        <v>965128.35669758334</v>
      </c>
    </row>
    <row r="42" spans="1:22">
      <c r="A42" s="40" t="s">
        <v>81</v>
      </c>
      <c r="B42" s="40"/>
      <c r="C42" s="46">
        <v>14156.067875000001</v>
      </c>
      <c r="D42" s="46">
        <v>14156.067875000001</v>
      </c>
      <c r="E42" s="46">
        <v>14156.067875000001</v>
      </c>
      <c r="F42" s="46">
        <v>14156.067875000001</v>
      </c>
      <c r="G42" s="46">
        <v>14156.067875000001</v>
      </c>
      <c r="H42" s="46">
        <v>14156.067875000001</v>
      </c>
      <c r="I42" s="46">
        <v>14156.067875000001</v>
      </c>
      <c r="J42" s="46">
        <v>14156.067875000001</v>
      </c>
      <c r="K42" s="46">
        <v>14156.067875000001</v>
      </c>
      <c r="L42" s="46">
        <v>14156.067875000001</v>
      </c>
      <c r="M42" s="46">
        <v>14156.067875000001</v>
      </c>
      <c r="N42" s="46">
        <v>14156.067875000001</v>
      </c>
      <c r="O42" s="46">
        <v>14156.067875000001</v>
      </c>
      <c r="P42" s="46">
        <v>14156.067875000001</v>
      </c>
      <c r="Q42" s="46">
        <v>14156.067875000001</v>
      </c>
      <c r="R42" s="46">
        <v>14156.067875000001</v>
      </c>
      <c r="S42" s="46">
        <v>14156.067875000001</v>
      </c>
      <c r="T42" s="46">
        <v>14156.067875000001</v>
      </c>
      <c r="U42" s="46">
        <v>14156.067875000001</v>
      </c>
      <c r="V42" s="46">
        <v>962584.30336424999</v>
      </c>
    </row>
    <row r="43" spans="1:22">
      <c r="A43" s="44" t="s">
        <v>82</v>
      </c>
      <c r="B43" s="44"/>
      <c r="C43" s="44">
        <v>0</v>
      </c>
      <c r="D43" s="44">
        <v>0</v>
      </c>
      <c r="E43" s="44">
        <v>0</v>
      </c>
      <c r="F43" s="44">
        <v>0</v>
      </c>
      <c r="G43" s="44">
        <v>0</v>
      </c>
      <c r="H43" s="44">
        <v>0</v>
      </c>
      <c r="I43" s="44">
        <v>0</v>
      </c>
      <c r="J43" s="44">
        <v>0</v>
      </c>
      <c r="K43" s="44">
        <v>0</v>
      </c>
      <c r="L43" s="44">
        <v>0</v>
      </c>
      <c r="M43" s="44">
        <v>0</v>
      </c>
      <c r="N43" s="44">
        <v>0</v>
      </c>
      <c r="O43" s="44">
        <v>0</v>
      </c>
      <c r="P43" s="44">
        <v>0</v>
      </c>
      <c r="Q43" s="47">
        <v>0</v>
      </c>
      <c r="R43" s="47">
        <v>0</v>
      </c>
      <c r="S43" s="47">
        <v>0</v>
      </c>
      <c r="T43" s="47">
        <v>0</v>
      </c>
      <c r="U43" s="47">
        <v>0</v>
      </c>
      <c r="V43" s="47">
        <v>2544.0533333333337</v>
      </c>
    </row>
    <row r="44" spans="1:22">
      <c r="A44" s="40"/>
      <c r="B44" s="40"/>
      <c r="C44" s="40"/>
      <c r="D44" s="40"/>
      <c r="E44" s="40"/>
      <c r="F44" s="40"/>
      <c r="G44" s="40"/>
      <c r="H44" s="40"/>
      <c r="I44" s="40"/>
      <c r="J44" s="40"/>
      <c r="K44" s="40"/>
      <c r="L44" s="40"/>
      <c r="M44" s="40"/>
      <c r="N44" s="40"/>
      <c r="O44" s="40"/>
      <c r="P44" s="40"/>
      <c r="Q44" s="40"/>
      <c r="R44" s="40"/>
      <c r="S44" s="40"/>
      <c r="T44" s="40"/>
      <c r="U44" s="40"/>
      <c r="V44" s="40"/>
    </row>
    <row r="45" spans="1:22">
      <c r="A45" s="52" t="s">
        <v>83</v>
      </c>
      <c r="B45" s="53">
        <v>-1533516.591448456</v>
      </c>
      <c r="C45" s="53">
        <v>72536.090833642753</v>
      </c>
      <c r="D45" s="53">
        <v>82412.001706842741</v>
      </c>
      <c r="E45" s="53">
        <v>173320.12954844272</v>
      </c>
      <c r="F45" s="53">
        <v>214717.32674844289</v>
      </c>
      <c r="G45" s="53">
        <v>248569.83534844278</v>
      </c>
      <c r="H45" s="53">
        <v>190461.95505638781</v>
      </c>
      <c r="I45" s="53">
        <v>183660.8867831878</v>
      </c>
      <c r="J45" s="53">
        <v>181343.83124158782</v>
      </c>
      <c r="K45" s="53">
        <v>180582.04084158782</v>
      </c>
      <c r="L45" s="53">
        <v>129322.04084158782</v>
      </c>
      <c r="M45" s="53">
        <v>114237.0223267877</v>
      </c>
      <c r="N45" s="53">
        <v>101463.22459998773</v>
      </c>
      <c r="O45" s="53">
        <v>169721.64384158771</v>
      </c>
      <c r="P45" s="53">
        <v>188469.1324415878</v>
      </c>
      <c r="Q45" s="53">
        <v>195931.93244158779</v>
      </c>
      <c r="R45" s="53">
        <v>190461.95505638781</v>
      </c>
      <c r="S45" s="53">
        <v>183660.8867831878</v>
      </c>
      <c r="T45" s="53">
        <v>181343.83124158782</v>
      </c>
      <c r="U45" s="53">
        <v>180582.04084158782</v>
      </c>
      <c r="V45" s="53">
        <v>1195073.1445076268</v>
      </c>
    </row>
    <row r="46" spans="1:22">
      <c r="A46" s="40"/>
      <c r="B46" s="40"/>
      <c r="C46" s="46"/>
      <c r="D46" s="46"/>
      <c r="E46" s="46"/>
      <c r="F46" s="46"/>
      <c r="G46" s="46"/>
      <c r="H46" s="46"/>
      <c r="I46" s="46"/>
      <c r="J46" s="46"/>
      <c r="K46" s="46"/>
      <c r="L46" s="46"/>
      <c r="M46" s="46"/>
      <c r="N46" s="46"/>
      <c r="O46" s="46"/>
      <c r="P46" s="46"/>
      <c r="Q46" s="46"/>
      <c r="R46" s="46"/>
      <c r="S46" s="46"/>
      <c r="T46" s="46"/>
      <c r="U46" s="46"/>
      <c r="V46" s="46"/>
    </row>
    <row r="47" spans="1:22">
      <c r="A47" s="39"/>
      <c r="B47" s="40"/>
      <c r="C47" s="40"/>
      <c r="D47" s="40"/>
      <c r="E47" s="40"/>
      <c r="F47" s="40"/>
      <c r="G47" s="40"/>
      <c r="H47" s="40"/>
      <c r="I47" s="40"/>
      <c r="J47" s="40"/>
      <c r="K47" s="40"/>
      <c r="L47" s="40"/>
      <c r="M47" s="40"/>
      <c r="N47" s="40"/>
      <c r="O47" s="40"/>
      <c r="P47" s="40"/>
      <c r="Q47" s="40"/>
      <c r="R47" s="40"/>
      <c r="S47" s="40"/>
      <c r="T47" s="40"/>
      <c r="U47" s="40"/>
      <c r="V47" s="40"/>
    </row>
    <row r="48" spans="1:22">
      <c r="A48" s="40"/>
      <c r="B48" s="40"/>
      <c r="C48" s="40"/>
      <c r="D48" s="40"/>
      <c r="E48" s="40"/>
      <c r="F48" s="40"/>
      <c r="G48" s="40"/>
      <c r="H48" s="40"/>
      <c r="I48" s="40"/>
      <c r="J48" s="40"/>
      <c r="K48" s="40"/>
      <c r="L48" s="40"/>
      <c r="M48" s="40"/>
      <c r="N48" s="40"/>
      <c r="O48" s="40"/>
      <c r="P48" s="40"/>
      <c r="Q48" s="40"/>
      <c r="R48" s="40"/>
      <c r="S48" s="40"/>
      <c r="T48" s="40"/>
      <c r="U48" s="40"/>
      <c r="V48" s="40"/>
    </row>
    <row r="49" spans="1:22" ht="12" thickBot="1"/>
    <row r="50" spans="1:22" ht="16.5" thickBot="1">
      <c r="A50" s="117" t="s">
        <v>58</v>
      </c>
      <c r="B50" s="118">
        <v>9.8500000000000004E-2</v>
      </c>
      <c r="C50" s="40"/>
      <c r="D50" s="40"/>
      <c r="E50" s="40"/>
      <c r="F50" s="40"/>
      <c r="G50" s="40"/>
      <c r="H50" s="40"/>
      <c r="I50" s="40"/>
      <c r="J50" s="40"/>
      <c r="K50" s="40"/>
      <c r="L50" s="40"/>
      <c r="M50" s="40"/>
      <c r="N50" s="40"/>
      <c r="O50" s="40"/>
      <c r="P50" s="40"/>
      <c r="Q50" s="40"/>
      <c r="R50" s="40"/>
      <c r="S50" s="40"/>
      <c r="T50" s="40"/>
      <c r="U50" s="40"/>
      <c r="V50" s="40"/>
    </row>
    <row r="51" spans="1:22">
      <c r="A51" s="40"/>
      <c r="B51" s="55"/>
      <c r="C51" s="40"/>
      <c r="D51" s="40"/>
      <c r="E51" s="40"/>
      <c r="F51" s="40"/>
      <c r="G51" s="40"/>
      <c r="H51" s="40"/>
      <c r="I51" s="40"/>
      <c r="J51" s="40"/>
      <c r="K51" s="40"/>
      <c r="L51" s="40"/>
      <c r="M51" s="56"/>
      <c r="N51" s="40"/>
      <c r="O51" s="40"/>
      <c r="P51" s="40"/>
      <c r="Q51" s="40"/>
      <c r="R51" s="40"/>
      <c r="S51" s="40"/>
      <c r="T51" s="40"/>
      <c r="U51" s="40"/>
      <c r="V51" s="40"/>
    </row>
    <row r="52" spans="1:22">
      <c r="A52" s="40"/>
      <c r="B52" s="55"/>
      <c r="C52" s="40"/>
      <c r="D52" s="40"/>
      <c r="E52" s="40"/>
      <c r="F52" s="40"/>
      <c r="G52" s="40"/>
      <c r="H52" s="40"/>
      <c r="I52" s="40"/>
      <c r="J52" s="40"/>
      <c r="K52" s="40"/>
      <c r="L52" s="40"/>
      <c r="M52" s="56"/>
      <c r="N52" s="40"/>
      <c r="O52" s="40"/>
      <c r="P52" s="40"/>
      <c r="Q52" s="40"/>
      <c r="R52" s="40"/>
      <c r="S52" s="40"/>
      <c r="T52" s="40"/>
      <c r="U52" s="40"/>
      <c r="V52" s="40"/>
    </row>
    <row r="53" spans="1:22">
      <c r="A53" s="40"/>
      <c r="B53" s="40"/>
      <c r="C53" s="40"/>
      <c r="D53" s="40"/>
      <c r="E53" s="40"/>
      <c r="F53" s="40"/>
      <c r="G53" s="40"/>
      <c r="H53" s="40"/>
      <c r="I53" s="40"/>
      <c r="J53" s="40"/>
      <c r="K53" s="40"/>
      <c r="L53" s="40"/>
      <c r="M53" s="40"/>
      <c r="N53" s="40"/>
      <c r="O53" s="40"/>
      <c r="P53" s="40"/>
      <c r="Q53" s="40"/>
      <c r="R53" s="40"/>
      <c r="S53" s="40"/>
      <c r="T53" s="40"/>
      <c r="U53" s="40"/>
      <c r="V53" s="40"/>
    </row>
    <row r="54" spans="1:22" ht="18">
      <c r="A54" s="116" t="s">
        <v>115</v>
      </c>
      <c r="B54" s="40"/>
      <c r="C54" s="40"/>
      <c r="D54" s="40"/>
      <c r="E54" s="40"/>
      <c r="F54" s="40"/>
      <c r="G54" s="40"/>
      <c r="H54" s="40"/>
      <c r="I54" s="40"/>
      <c r="J54" s="40"/>
      <c r="K54" s="40"/>
      <c r="L54" s="40"/>
      <c r="M54" s="40"/>
      <c r="N54" s="40"/>
      <c r="O54" s="40"/>
      <c r="P54" s="40"/>
      <c r="Q54" s="40"/>
      <c r="R54" s="40"/>
      <c r="S54" s="40"/>
      <c r="T54" s="40"/>
      <c r="U54" s="40"/>
      <c r="V54" s="40"/>
    </row>
    <row r="55" spans="1:22">
      <c r="A55" s="57" t="s">
        <v>84</v>
      </c>
      <c r="B55" s="58"/>
      <c r="C55" s="59">
        <v>237633.62260408342</v>
      </c>
      <c r="D55" s="60">
        <v>324253.55458408338</v>
      </c>
      <c r="E55" s="60">
        <v>397685.21382408345</v>
      </c>
      <c r="F55" s="60">
        <v>466542.56382408348</v>
      </c>
      <c r="G55" s="60">
        <v>533159.35382408346</v>
      </c>
      <c r="H55" s="60">
        <v>362253.82355333341</v>
      </c>
      <c r="I55" s="60">
        <v>342250.68157333345</v>
      </c>
      <c r="J55" s="60">
        <v>335435.81233333342</v>
      </c>
      <c r="K55" s="60">
        <v>333195.25233333342</v>
      </c>
      <c r="L55" s="60">
        <v>344195.25233333342</v>
      </c>
      <c r="M55" s="60">
        <v>360283.42111333343</v>
      </c>
      <c r="N55" s="60">
        <v>380286.56309333339</v>
      </c>
      <c r="O55" s="60">
        <v>387101.43233333342</v>
      </c>
      <c r="P55" s="60">
        <v>389341.99233333342</v>
      </c>
      <c r="Q55" s="60">
        <v>378341.99233333342</v>
      </c>
      <c r="R55" s="60">
        <v>362253.82355333341</v>
      </c>
      <c r="S55" s="60">
        <v>342250.68157333345</v>
      </c>
      <c r="T55" s="60">
        <v>335435.81233333342</v>
      </c>
      <c r="U55" s="60">
        <v>333195.25233333342</v>
      </c>
      <c r="V55" s="61">
        <v>333195.25233333342</v>
      </c>
    </row>
    <row r="56" spans="1:22">
      <c r="A56" s="62" t="s">
        <v>85</v>
      </c>
      <c r="B56" s="63"/>
      <c r="C56" s="65">
        <v>214834.15149075008</v>
      </c>
      <c r="D56" s="65">
        <v>281450.94149075006</v>
      </c>
      <c r="E56" s="65">
        <v>348067.7314907501</v>
      </c>
      <c r="F56" s="65">
        <v>414684.52149075014</v>
      </c>
      <c r="G56" s="65">
        <v>481301.31149075017</v>
      </c>
      <c r="H56" s="65">
        <v>333083.95000000007</v>
      </c>
      <c r="I56" s="65">
        <v>333083.95000000007</v>
      </c>
      <c r="J56" s="65">
        <v>333083.95000000007</v>
      </c>
      <c r="K56" s="65">
        <v>333083.95000000007</v>
      </c>
      <c r="L56" s="65">
        <v>333083.95000000007</v>
      </c>
      <c r="M56" s="65">
        <v>333083.95000000007</v>
      </c>
      <c r="N56" s="65">
        <v>333083.95000000007</v>
      </c>
      <c r="O56" s="65">
        <v>333083.95000000007</v>
      </c>
      <c r="P56" s="65">
        <v>333083.95000000007</v>
      </c>
      <c r="Q56" s="65">
        <v>333083.95000000007</v>
      </c>
      <c r="R56" s="65">
        <v>333083.95000000007</v>
      </c>
      <c r="S56" s="65">
        <v>333083.95000000007</v>
      </c>
      <c r="T56" s="65">
        <v>333083.95000000007</v>
      </c>
      <c r="U56" s="65">
        <v>333083.95000000007</v>
      </c>
      <c r="V56" s="66">
        <v>333083.95000000007</v>
      </c>
    </row>
    <row r="57" spans="1:22">
      <c r="A57" s="67" t="s">
        <v>86</v>
      </c>
      <c r="B57" s="40"/>
      <c r="C57" s="41">
        <v>111.30233333333334</v>
      </c>
      <c r="D57" s="41">
        <v>111.30233333333334</v>
      </c>
      <c r="E57" s="41">
        <v>111.30233333333334</v>
      </c>
      <c r="F57" s="41">
        <v>111.30233333333334</v>
      </c>
      <c r="G57" s="41">
        <v>111.30233333333334</v>
      </c>
      <c r="H57" s="41">
        <v>111.30233333333334</v>
      </c>
      <c r="I57" s="41">
        <v>111.30233333333334</v>
      </c>
      <c r="J57" s="41">
        <v>111.30233333333334</v>
      </c>
      <c r="K57" s="41">
        <v>111.30233333333334</v>
      </c>
      <c r="L57" s="41">
        <v>111.30233333333334</v>
      </c>
      <c r="M57" s="41">
        <v>111.30233333333334</v>
      </c>
      <c r="N57" s="41">
        <v>111.30233333333334</v>
      </c>
      <c r="O57" s="41">
        <v>111.30233333333334</v>
      </c>
      <c r="P57" s="41">
        <v>111.30233333333334</v>
      </c>
      <c r="Q57" s="41">
        <v>111.30233333333334</v>
      </c>
      <c r="R57" s="41">
        <v>111.30233333333334</v>
      </c>
      <c r="S57" s="41">
        <v>111.30233333333334</v>
      </c>
      <c r="T57" s="41">
        <v>111.30233333333334</v>
      </c>
      <c r="U57" s="41">
        <v>111.30233333333334</v>
      </c>
      <c r="V57" s="41">
        <v>111.30233333333334</v>
      </c>
    </row>
    <row r="58" spans="1:22">
      <c r="A58" s="70" t="s">
        <v>87</v>
      </c>
      <c r="B58" s="71"/>
      <c r="C58" s="73">
        <v>22688.16878</v>
      </c>
      <c r="D58" s="73">
        <v>42691.310759999993</v>
      </c>
      <c r="E58" s="73">
        <v>49506.179999999993</v>
      </c>
      <c r="F58" s="73">
        <v>51746.739999999991</v>
      </c>
      <c r="G58" s="73">
        <v>51746.739999999991</v>
      </c>
      <c r="H58" s="73">
        <v>29058.571219999998</v>
      </c>
      <c r="I58" s="73">
        <v>9055.4292399999995</v>
      </c>
      <c r="J58" s="73">
        <v>2240.56</v>
      </c>
      <c r="K58" s="73">
        <v>0</v>
      </c>
      <c r="L58" s="73">
        <v>11000</v>
      </c>
      <c r="M58" s="73">
        <v>27088.16878</v>
      </c>
      <c r="N58" s="73">
        <v>47091.310759999993</v>
      </c>
      <c r="O58" s="73">
        <v>53906.179999999993</v>
      </c>
      <c r="P58" s="73">
        <v>56146.739999999991</v>
      </c>
      <c r="Q58" s="73">
        <v>45146.739999999991</v>
      </c>
      <c r="R58" s="73">
        <v>29058.571219999998</v>
      </c>
      <c r="S58" s="73">
        <v>9055.4292399999995</v>
      </c>
      <c r="T58" s="73">
        <v>2240.56</v>
      </c>
      <c r="U58" s="73">
        <v>0</v>
      </c>
      <c r="V58" s="74">
        <v>0</v>
      </c>
    </row>
    <row r="88" spans="11:11" ht="12.75">
      <c r="K88" s="119" t="s">
        <v>130</v>
      </c>
    </row>
  </sheetData>
  <pageMargins left="0.19685039370078741" right="0.17" top="0.19685039370078741" bottom="0.19685039370078741" header="0.31496062992125984" footer="0.15748031496062992"/>
  <pageSetup paperSize="9" scale="55" fitToWidth="2" orientation="landscape" r:id="rId1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>
  <sheetPr codeName="Plan12"/>
  <dimension ref="A1:V88"/>
  <sheetViews>
    <sheetView view="pageBreakPreview" topLeftCell="A43" zoomScale="80" zoomScaleNormal="100" zoomScaleSheetLayoutView="80" workbookViewId="0">
      <selection activeCell="K88" sqref="K88"/>
    </sheetView>
  </sheetViews>
  <sheetFormatPr defaultRowHeight="11.25"/>
  <cols>
    <col min="1" max="1" width="34.85546875" style="2" customWidth="1"/>
    <col min="2" max="2" width="11.85546875" style="2" bestFit="1" customWidth="1"/>
    <col min="3" max="3" width="11.5703125" style="2" bestFit="1" customWidth="1"/>
    <col min="4" max="22" width="10.5703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25.5" customHeight="1">
      <c r="A1" s="93" t="s">
        <v>89</v>
      </c>
    </row>
    <row r="4" spans="1:22" ht="18">
      <c r="A4" s="93" t="s">
        <v>112</v>
      </c>
    </row>
    <row r="5" spans="1:22" ht="15.75">
      <c r="A5" s="105" t="s">
        <v>48</v>
      </c>
    </row>
    <row r="6" spans="1:22" ht="15.75">
      <c r="A6" s="94" t="s">
        <v>113</v>
      </c>
    </row>
    <row r="7" spans="1:22" ht="12.75">
      <c r="A7" s="106" t="s">
        <v>57</v>
      </c>
      <c r="B7" s="107"/>
      <c r="C7" s="108">
        <v>10</v>
      </c>
    </row>
    <row r="8" spans="1:22" ht="12.75">
      <c r="A8" s="109" t="s">
        <v>59</v>
      </c>
      <c r="B8" s="110"/>
      <c r="C8" s="122">
        <v>46062.195270702447</v>
      </c>
    </row>
    <row r="9" spans="1:22" ht="12.75">
      <c r="A9" s="112"/>
      <c r="B9" s="112"/>
      <c r="C9" s="113"/>
    </row>
    <row r="10" spans="1:22" ht="12.75">
      <c r="A10" s="106" t="s">
        <v>60</v>
      </c>
      <c r="B10" s="107"/>
      <c r="C10" s="114">
        <v>38410.903875182143</v>
      </c>
    </row>
    <row r="11" spans="1:22" ht="12.75">
      <c r="A11" s="106" t="s">
        <v>61</v>
      </c>
      <c r="B11" s="107"/>
      <c r="C11" s="114">
        <v>10232.0199318</v>
      </c>
    </row>
    <row r="12" spans="1:22" ht="12.75">
      <c r="A12" s="106" t="s">
        <v>62</v>
      </c>
      <c r="B12" s="107"/>
      <c r="C12" s="115">
        <v>28178.883943382141</v>
      </c>
    </row>
    <row r="13" spans="1:22" ht="12.75">
      <c r="A13" s="106" t="s">
        <v>63</v>
      </c>
      <c r="B13" s="107"/>
      <c r="C13" s="114">
        <v>17294.205381120002</v>
      </c>
    </row>
    <row r="14" spans="1:22">
      <c r="A14" s="40"/>
      <c r="B14" s="40"/>
      <c r="C14" s="41"/>
    </row>
    <row r="15" spans="1:22" ht="18">
      <c r="A15" s="116" t="s">
        <v>114</v>
      </c>
      <c r="C15" s="41"/>
      <c r="D15" s="75"/>
      <c r="V15" s="42" t="s">
        <v>64</v>
      </c>
    </row>
    <row r="16" spans="1:22">
      <c r="A16" s="43"/>
      <c r="B16" s="43" t="s">
        <v>3</v>
      </c>
      <c r="C16" s="43" t="s">
        <v>4</v>
      </c>
      <c r="D16" s="43" t="s">
        <v>5</v>
      </c>
      <c r="E16" s="43" t="s">
        <v>6</v>
      </c>
      <c r="F16" s="43" t="s">
        <v>7</v>
      </c>
      <c r="G16" s="43" t="s">
        <v>8</v>
      </c>
      <c r="H16" s="43" t="s">
        <v>9</v>
      </c>
      <c r="I16" s="43" t="s">
        <v>10</v>
      </c>
      <c r="J16" s="43" t="s">
        <v>11</v>
      </c>
      <c r="K16" s="43" t="s">
        <v>12</v>
      </c>
      <c r="L16" s="43" t="s">
        <v>13</v>
      </c>
      <c r="M16" s="43" t="s">
        <v>14</v>
      </c>
      <c r="N16" s="43" t="s">
        <v>15</v>
      </c>
      <c r="O16" s="43" t="s">
        <v>16</v>
      </c>
      <c r="P16" s="43" t="s">
        <v>17</v>
      </c>
      <c r="Q16" s="43" t="s">
        <v>18</v>
      </c>
      <c r="R16" s="43" t="s">
        <v>19</v>
      </c>
      <c r="S16" s="43" t="s">
        <v>20</v>
      </c>
      <c r="T16" s="43" t="s">
        <v>21</v>
      </c>
      <c r="U16" s="43" t="s">
        <v>22</v>
      </c>
      <c r="V16" s="43" t="s">
        <v>23</v>
      </c>
    </row>
    <row r="17" spans="1:22">
      <c r="A17" s="40" t="s">
        <v>65</v>
      </c>
      <c r="B17" s="40"/>
      <c r="C17" s="41">
        <v>5527463.4324842934</v>
      </c>
      <c r="D17" s="41">
        <v>5527463.4324842934</v>
      </c>
      <c r="E17" s="41">
        <v>5527463.4324842934</v>
      </c>
      <c r="F17" s="41">
        <v>5527463.4324842934</v>
      </c>
      <c r="G17" s="41">
        <v>5527463.4324842934</v>
      </c>
      <c r="H17" s="41">
        <v>5527463.4324842934</v>
      </c>
      <c r="I17" s="41">
        <v>5527463.4324842934</v>
      </c>
      <c r="J17" s="41">
        <v>5527463.4324842934</v>
      </c>
      <c r="K17" s="41">
        <v>5527463.4324842934</v>
      </c>
      <c r="L17" s="41">
        <v>5527463.4324842934</v>
      </c>
      <c r="M17" s="41">
        <v>5527463.4324842934</v>
      </c>
      <c r="N17" s="41">
        <v>5527463.4324842934</v>
      </c>
      <c r="O17" s="41">
        <v>5527463.4324842934</v>
      </c>
      <c r="P17" s="41">
        <v>5527463.4324842934</v>
      </c>
      <c r="Q17" s="41">
        <v>5527463.4324842934</v>
      </c>
      <c r="R17" s="41">
        <v>5527463.4324842934</v>
      </c>
      <c r="S17" s="41">
        <v>5527463.4324842934</v>
      </c>
      <c r="T17" s="41">
        <v>5527463.4324842934</v>
      </c>
      <c r="U17" s="41">
        <v>5527463.4324842934</v>
      </c>
      <c r="V17" s="41">
        <v>5527463.4324842934</v>
      </c>
    </row>
    <row r="18" spans="1:22">
      <c r="A18" s="44" t="s">
        <v>66</v>
      </c>
      <c r="B18" s="44"/>
      <c r="C18" s="45">
        <v>110549.26864968587</v>
      </c>
      <c r="D18" s="45">
        <v>110549.26864968587</v>
      </c>
      <c r="E18" s="45">
        <v>110549.26864968587</v>
      </c>
      <c r="F18" s="45">
        <v>110549.26864968587</v>
      </c>
      <c r="G18" s="45">
        <v>110549.26864968587</v>
      </c>
      <c r="H18" s="45">
        <v>110549.26864968587</v>
      </c>
      <c r="I18" s="45">
        <v>110549.26864968587</v>
      </c>
      <c r="J18" s="45">
        <v>110549.26864968587</v>
      </c>
      <c r="K18" s="45">
        <v>110549.26864968587</v>
      </c>
      <c r="L18" s="45">
        <v>110549.26864968587</v>
      </c>
      <c r="M18" s="45">
        <v>110549.26864968587</v>
      </c>
      <c r="N18" s="45">
        <v>110549.26864968587</v>
      </c>
      <c r="O18" s="45">
        <v>110549.26864968587</v>
      </c>
      <c r="P18" s="45">
        <v>110549.26864968587</v>
      </c>
      <c r="Q18" s="45">
        <v>110549.26864968587</v>
      </c>
      <c r="R18" s="45">
        <v>110549.26864968587</v>
      </c>
      <c r="S18" s="45">
        <v>110549.26864968587</v>
      </c>
      <c r="T18" s="45">
        <v>110549.26864968587</v>
      </c>
      <c r="U18" s="45">
        <v>110549.26864968587</v>
      </c>
      <c r="V18" s="45">
        <v>110549.26864968587</v>
      </c>
    </row>
    <row r="19" spans="1:22">
      <c r="A19" s="40" t="s">
        <v>67</v>
      </c>
      <c r="B19" s="40"/>
      <c r="C19" s="46">
        <v>5416914.1638346072</v>
      </c>
      <c r="D19" s="46">
        <v>5416914.1638346072</v>
      </c>
      <c r="E19" s="46">
        <v>5416914.1638346072</v>
      </c>
      <c r="F19" s="46">
        <v>5416914.1638346072</v>
      </c>
      <c r="G19" s="46">
        <v>5416914.1638346072</v>
      </c>
      <c r="H19" s="46">
        <v>5416914.1638346072</v>
      </c>
      <c r="I19" s="46">
        <v>5416914.1638346072</v>
      </c>
      <c r="J19" s="46">
        <v>5416914.1638346072</v>
      </c>
      <c r="K19" s="46">
        <v>5416914.1638346072</v>
      </c>
      <c r="L19" s="46">
        <v>5416914.1638346072</v>
      </c>
      <c r="M19" s="46">
        <v>5416914.1638346072</v>
      </c>
      <c r="N19" s="46">
        <v>5416914.1638346072</v>
      </c>
      <c r="O19" s="46">
        <v>5416914.1638346072</v>
      </c>
      <c r="P19" s="46">
        <v>5416914.1638346072</v>
      </c>
      <c r="Q19" s="46">
        <v>5416914.1638346072</v>
      </c>
      <c r="R19" s="46">
        <v>5416914.1638346072</v>
      </c>
      <c r="S19" s="46">
        <v>5416914.1638346072</v>
      </c>
      <c r="T19" s="46">
        <v>5416914.1638346072</v>
      </c>
      <c r="U19" s="46">
        <v>5416914.1638346072</v>
      </c>
      <c r="V19" s="46">
        <v>5416914.1638346072</v>
      </c>
    </row>
    <row r="20" spans="1:22">
      <c r="A20" s="40"/>
      <c r="B20" s="40"/>
      <c r="C20" s="40"/>
      <c r="D20" s="40"/>
      <c r="E20" s="40"/>
      <c r="F20" s="40"/>
      <c r="G20" s="40"/>
      <c r="H20" s="40"/>
      <c r="I20" s="40"/>
      <c r="J20" s="40"/>
      <c r="K20" s="40"/>
      <c r="L20" s="40"/>
      <c r="M20" s="40"/>
      <c r="N20" s="40"/>
      <c r="O20" s="40"/>
      <c r="P20" s="40"/>
      <c r="Q20" s="40"/>
      <c r="R20" s="40"/>
      <c r="S20" s="40"/>
      <c r="T20" s="40"/>
      <c r="U20" s="40"/>
      <c r="V20" s="40"/>
    </row>
    <row r="21" spans="1:22">
      <c r="A21" s="44" t="s">
        <v>68</v>
      </c>
      <c r="B21" s="44"/>
      <c r="C21" s="45">
        <v>4789253.7188330572</v>
      </c>
      <c r="D21" s="45">
        <v>4789253.7188330572</v>
      </c>
      <c r="E21" s="45">
        <v>4789253.7188330572</v>
      </c>
      <c r="F21" s="45">
        <v>4796656.518833057</v>
      </c>
      <c r="G21" s="45">
        <v>4796656.518833057</v>
      </c>
      <c r="H21" s="45">
        <v>4796656.518833057</v>
      </c>
      <c r="I21" s="45">
        <v>4796656.518833057</v>
      </c>
      <c r="J21" s="45">
        <v>4796656.518833057</v>
      </c>
      <c r="K21" s="45">
        <v>4796656.518833057</v>
      </c>
      <c r="L21" s="45">
        <v>4796656.518833057</v>
      </c>
      <c r="M21" s="47">
        <v>4789253.7188330572</v>
      </c>
      <c r="N21" s="47">
        <v>4789253.7188330572</v>
      </c>
      <c r="O21" s="47">
        <v>4789253.7188330572</v>
      </c>
      <c r="P21" s="47">
        <v>4796656.518833057</v>
      </c>
      <c r="Q21" s="47">
        <v>4796656.518833057</v>
      </c>
      <c r="R21" s="47">
        <v>4796656.518833057</v>
      </c>
      <c r="S21" s="47">
        <v>4796656.518833057</v>
      </c>
      <c r="T21" s="47">
        <v>4796656.518833057</v>
      </c>
      <c r="U21" s="47">
        <v>4796656.518833057</v>
      </c>
      <c r="V21" s="47">
        <v>4796656.518833057</v>
      </c>
    </row>
    <row r="22" spans="1:22">
      <c r="A22" s="40"/>
      <c r="B22" s="40"/>
      <c r="C22" s="40"/>
      <c r="D22" s="40"/>
      <c r="E22" s="40"/>
      <c r="F22" s="40"/>
      <c r="G22" s="41"/>
      <c r="H22" s="46"/>
      <c r="I22" s="40"/>
      <c r="J22" s="40"/>
      <c r="K22" s="40"/>
      <c r="L22" s="40"/>
      <c r="M22" s="40"/>
      <c r="N22" s="40"/>
      <c r="O22" s="40"/>
      <c r="P22" s="40"/>
      <c r="Q22" s="40"/>
      <c r="R22" s="40"/>
      <c r="S22" s="40"/>
      <c r="T22" s="40"/>
      <c r="U22" s="40"/>
      <c r="V22" s="40"/>
    </row>
    <row r="23" spans="1:22">
      <c r="A23" s="40" t="s">
        <v>69</v>
      </c>
      <c r="B23" s="40"/>
      <c r="C23" s="41">
        <v>250552.24646398335</v>
      </c>
      <c r="D23" s="41">
        <v>342249.54720398335</v>
      </c>
      <c r="E23" s="41">
        <v>421833.29368398339</v>
      </c>
      <c r="F23" s="41">
        <v>494696.51168398338</v>
      </c>
      <c r="G23" s="41">
        <v>565319.16968398332</v>
      </c>
      <c r="H23" s="41">
        <v>385500.88355333335</v>
      </c>
      <c r="I23" s="41">
        <v>364426.24081333331</v>
      </c>
      <c r="J23" s="41">
        <v>355465.15233333333</v>
      </c>
      <c r="K23" s="41">
        <v>353224.59233333333</v>
      </c>
      <c r="L23" s="41">
        <v>364224.59233333333</v>
      </c>
      <c r="M23" s="41">
        <v>380312.76111333334</v>
      </c>
      <c r="N23" s="41">
        <v>401387.40385333332</v>
      </c>
      <c r="O23" s="41">
        <v>410348.49233333336</v>
      </c>
      <c r="P23" s="41">
        <v>412589.0523333333</v>
      </c>
      <c r="Q23" s="41">
        <v>401589.0523333333</v>
      </c>
      <c r="R23" s="41">
        <v>385500.88355333335</v>
      </c>
      <c r="S23" s="41">
        <v>364426.24081333331</v>
      </c>
      <c r="T23" s="41">
        <v>355465.15233333333</v>
      </c>
      <c r="U23" s="41">
        <v>353224.59233333333</v>
      </c>
      <c r="V23" s="41">
        <v>353224.59233333333</v>
      </c>
    </row>
    <row r="24" spans="1:22">
      <c r="A24" s="40"/>
      <c r="B24" s="40"/>
      <c r="C24" s="40"/>
      <c r="D24" s="40"/>
      <c r="E24" s="40"/>
      <c r="F24" s="40"/>
      <c r="G24" s="40"/>
      <c r="H24" s="40"/>
      <c r="I24" s="40"/>
      <c r="J24" s="40"/>
      <c r="K24" s="40"/>
      <c r="L24" s="40"/>
      <c r="M24" s="40"/>
      <c r="N24" s="40"/>
      <c r="O24" s="40"/>
      <c r="P24" s="40"/>
      <c r="Q24" s="40"/>
      <c r="R24" s="40"/>
      <c r="S24" s="40"/>
      <c r="T24" s="40"/>
      <c r="U24" s="40"/>
      <c r="V24" s="40"/>
    </row>
    <row r="25" spans="1:22">
      <c r="A25" s="44" t="s">
        <v>70</v>
      </c>
      <c r="B25" s="44"/>
      <c r="C25" s="47">
        <v>377108.1985375667</v>
      </c>
      <c r="D25" s="47">
        <v>285410.89779756666</v>
      </c>
      <c r="E25" s="47">
        <v>205827.15131756663</v>
      </c>
      <c r="F25" s="47">
        <v>125561.13331756683</v>
      </c>
      <c r="G25" s="47">
        <v>54938.475317566888</v>
      </c>
      <c r="H25" s="47">
        <v>234756.76144821686</v>
      </c>
      <c r="I25" s="47">
        <v>255831.4041882169</v>
      </c>
      <c r="J25" s="47">
        <v>264792.49266821687</v>
      </c>
      <c r="K25" s="47">
        <v>267033.05266821687</v>
      </c>
      <c r="L25" s="47">
        <v>256033.05266821687</v>
      </c>
      <c r="M25" s="47">
        <v>247347.68388821668</v>
      </c>
      <c r="N25" s="47">
        <v>226273.0411482167</v>
      </c>
      <c r="O25" s="47">
        <v>217311.95266821666</v>
      </c>
      <c r="P25" s="47">
        <v>207668.59266821691</v>
      </c>
      <c r="Q25" s="47">
        <v>218668.59266821691</v>
      </c>
      <c r="R25" s="47">
        <v>234756.76144821686</v>
      </c>
      <c r="S25" s="47">
        <v>255831.4041882169</v>
      </c>
      <c r="T25" s="47">
        <v>264792.49266821687</v>
      </c>
      <c r="U25" s="47">
        <v>267033.05266821687</v>
      </c>
      <c r="V25" s="47">
        <v>267033.05266821687</v>
      </c>
    </row>
    <row r="26" spans="1:22">
      <c r="A26" s="40"/>
      <c r="B26" s="40"/>
      <c r="C26" s="40"/>
      <c r="D26" s="40"/>
      <c r="E26" s="40"/>
      <c r="F26" s="40"/>
      <c r="G26" s="40"/>
      <c r="H26" s="40"/>
      <c r="I26" s="40"/>
      <c r="J26" s="40"/>
      <c r="K26" s="40"/>
      <c r="L26" s="40"/>
      <c r="M26" s="40"/>
      <c r="N26" s="40"/>
      <c r="O26" s="40"/>
      <c r="P26" s="40"/>
      <c r="Q26" s="40"/>
      <c r="R26" s="40"/>
      <c r="S26" s="40"/>
      <c r="T26" s="40"/>
      <c r="U26" s="40"/>
      <c r="V26" s="40"/>
    </row>
    <row r="27" spans="1:22">
      <c r="A27" s="40" t="s">
        <v>71</v>
      </c>
      <c r="B27" s="40"/>
      <c r="C27" s="41">
        <v>128216.78750277268</v>
      </c>
      <c r="D27" s="41">
        <v>97039.70525117268</v>
      </c>
      <c r="E27" s="41">
        <v>69981.231447972663</v>
      </c>
      <c r="F27" s="41">
        <v>42690.785327972721</v>
      </c>
      <c r="G27" s="41">
        <v>18679.081607972745</v>
      </c>
      <c r="H27" s="41">
        <v>79817.298892393737</v>
      </c>
      <c r="I27" s="41">
        <v>86982.677423993751</v>
      </c>
      <c r="J27" s="41">
        <v>90029.447507193749</v>
      </c>
      <c r="K27" s="41">
        <v>90791.237907193747</v>
      </c>
      <c r="L27" s="41">
        <v>87051.237907193747</v>
      </c>
      <c r="M27" s="41">
        <v>84098.212521993672</v>
      </c>
      <c r="N27" s="41">
        <v>76932.833990393687</v>
      </c>
      <c r="O27" s="41">
        <v>73886.063907193675</v>
      </c>
      <c r="P27" s="41">
        <v>70607.321507193759</v>
      </c>
      <c r="Q27" s="41">
        <v>74347.321507193759</v>
      </c>
      <c r="R27" s="41">
        <v>79817.298892393737</v>
      </c>
      <c r="S27" s="41">
        <v>86982.677423993751</v>
      </c>
      <c r="T27" s="41">
        <v>90029.447507193749</v>
      </c>
      <c r="U27" s="41">
        <v>90791.237907193747</v>
      </c>
      <c r="V27" s="41">
        <v>90791.237907193747</v>
      </c>
    </row>
    <row r="28" spans="1:22">
      <c r="A28" s="40"/>
      <c r="B28" s="40"/>
      <c r="C28" s="40"/>
      <c r="D28" s="40"/>
      <c r="E28" s="40"/>
      <c r="F28" s="40"/>
      <c r="G28" s="40"/>
      <c r="H28" s="40"/>
      <c r="I28" s="40"/>
      <c r="J28" s="40"/>
      <c r="K28" s="40"/>
      <c r="L28" s="40"/>
      <c r="M28" s="40"/>
      <c r="N28" s="40"/>
      <c r="O28" s="40"/>
      <c r="P28" s="40"/>
      <c r="Q28" s="40"/>
      <c r="R28" s="40"/>
      <c r="S28" s="40"/>
      <c r="T28" s="40"/>
      <c r="U28" s="40"/>
      <c r="V28" s="40"/>
    </row>
    <row r="29" spans="1:22">
      <c r="A29" s="44" t="s">
        <v>72</v>
      </c>
      <c r="B29" s="44"/>
      <c r="C29" s="47">
        <v>248891.411034794</v>
      </c>
      <c r="D29" s="47">
        <v>188371.19254639398</v>
      </c>
      <c r="E29" s="47">
        <v>135845.91986959398</v>
      </c>
      <c r="F29" s="47">
        <v>82870.347989594098</v>
      </c>
      <c r="G29" s="47">
        <v>36259.393709594144</v>
      </c>
      <c r="H29" s="47">
        <v>154939.46255582312</v>
      </c>
      <c r="I29" s="47">
        <v>168848.72676422313</v>
      </c>
      <c r="J29" s="47">
        <v>174763.04516102312</v>
      </c>
      <c r="K29" s="47">
        <v>176241.81476102312</v>
      </c>
      <c r="L29" s="47">
        <v>168981.81476102312</v>
      </c>
      <c r="M29" s="47">
        <v>163249.47136622301</v>
      </c>
      <c r="N29" s="47">
        <v>149340.20715782302</v>
      </c>
      <c r="O29" s="47">
        <v>143425.888761023</v>
      </c>
      <c r="P29" s="47">
        <v>137061.27116102315</v>
      </c>
      <c r="Q29" s="47">
        <v>144321.27116102315</v>
      </c>
      <c r="R29" s="47">
        <v>154939.46255582312</v>
      </c>
      <c r="S29" s="47">
        <v>168848.72676422313</v>
      </c>
      <c r="T29" s="47">
        <v>174763.04516102312</v>
      </c>
      <c r="U29" s="47">
        <v>176241.81476102312</v>
      </c>
      <c r="V29" s="47">
        <v>176241.81476102312</v>
      </c>
    </row>
    <row r="30" spans="1:22">
      <c r="A30" s="40"/>
      <c r="B30" s="40"/>
      <c r="C30" s="40"/>
      <c r="D30" s="40"/>
      <c r="E30" s="40"/>
      <c r="F30" s="40"/>
      <c r="G30" s="40"/>
      <c r="H30" s="40"/>
      <c r="I30" s="40"/>
      <c r="J30" s="40"/>
      <c r="K30" s="40"/>
      <c r="L30" s="40"/>
      <c r="M30" s="40"/>
      <c r="N30" s="40"/>
      <c r="O30" s="40"/>
      <c r="P30" s="40"/>
      <c r="Q30" s="40"/>
      <c r="R30" s="40"/>
      <c r="S30" s="40"/>
      <c r="T30" s="40"/>
      <c r="U30" s="40"/>
      <c r="V30" s="40"/>
    </row>
    <row r="31" spans="1:22">
      <c r="A31" s="40" t="s">
        <v>73</v>
      </c>
      <c r="B31" s="40"/>
      <c r="C31" s="41">
        <v>250552.24646398335</v>
      </c>
      <c r="D31" s="41">
        <v>342249.54720398335</v>
      </c>
      <c r="E31" s="41">
        <v>421833.29368398339</v>
      </c>
      <c r="F31" s="41">
        <v>494696.51168398338</v>
      </c>
      <c r="G31" s="41">
        <v>565319.16968398332</v>
      </c>
      <c r="H31" s="41">
        <v>385500.88355333335</v>
      </c>
      <c r="I31" s="41">
        <v>364426.24081333331</v>
      </c>
      <c r="J31" s="41">
        <v>355465.15233333333</v>
      </c>
      <c r="K31" s="41">
        <v>353224.59233333333</v>
      </c>
      <c r="L31" s="41">
        <v>364224.59233333333</v>
      </c>
      <c r="M31" s="41">
        <v>380312.76111333334</v>
      </c>
      <c r="N31" s="41">
        <v>401387.40385333332</v>
      </c>
      <c r="O31" s="41">
        <v>410348.49233333336</v>
      </c>
      <c r="P31" s="41">
        <v>412589.0523333333</v>
      </c>
      <c r="Q31" s="41">
        <v>401589.0523333333</v>
      </c>
      <c r="R31" s="41">
        <v>385500.88355333335</v>
      </c>
      <c r="S31" s="41">
        <v>364426.24081333331</v>
      </c>
      <c r="T31" s="41">
        <v>355465.15233333333</v>
      </c>
      <c r="U31" s="41">
        <v>353224.59233333333</v>
      </c>
      <c r="V31" s="41">
        <v>353224.59233333333</v>
      </c>
    </row>
    <row r="32" spans="1:22">
      <c r="A32" s="40"/>
      <c r="B32" s="40"/>
      <c r="C32" s="40"/>
      <c r="D32" s="40"/>
      <c r="E32" s="40"/>
      <c r="F32" s="40"/>
      <c r="G32" s="40"/>
      <c r="H32" s="40"/>
      <c r="I32" s="40"/>
      <c r="J32" s="40"/>
      <c r="K32" s="40"/>
      <c r="L32" s="40"/>
      <c r="M32" s="40"/>
      <c r="N32" s="40"/>
      <c r="O32" s="40"/>
      <c r="P32" s="40"/>
      <c r="Q32" s="40"/>
      <c r="R32" s="40"/>
      <c r="S32" s="40"/>
      <c r="T32" s="40"/>
      <c r="U32" s="40"/>
      <c r="V32" s="40"/>
    </row>
    <row r="33" spans="1:22">
      <c r="A33" s="44" t="s">
        <v>74</v>
      </c>
      <c r="B33" s="44"/>
      <c r="C33" s="47">
        <v>499443.65749877738</v>
      </c>
      <c r="D33" s="47">
        <v>530620.73975037737</v>
      </c>
      <c r="E33" s="47">
        <v>557679.21355357743</v>
      </c>
      <c r="F33" s="47">
        <v>577566.85967357748</v>
      </c>
      <c r="G33" s="47">
        <v>601578.56339357747</v>
      </c>
      <c r="H33" s="47">
        <v>540440.3461091565</v>
      </c>
      <c r="I33" s="47">
        <v>533274.96757755638</v>
      </c>
      <c r="J33" s="47">
        <v>530228.19749435643</v>
      </c>
      <c r="K33" s="47">
        <v>529466.40709435649</v>
      </c>
      <c r="L33" s="47">
        <v>533206.40709435649</v>
      </c>
      <c r="M33" s="47">
        <v>543562.23247955635</v>
      </c>
      <c r="N33" s="47">
        <v>550727.61101115635</v>
      </c>
      <c r="O33" s="47">
        <v>553774.3810943563</v>
      </c>
      <c r="P33" s="47">
        <v>549650.32349435647</v>
      </c>
      <c r="Q33" s="47">
        <v>545910.32349435647</v>
      </c>
      <c r="R33" s="47">
        <v>540440.3461091565</v>
      </c>
      <c r="S33" s="47">
        <v>533274.96757755638</v>
      </c>
      <c r="T33" s="47">
        <v>530228.19749435643</v>
      </c>
      <c r="U33" s="47">
        <v>529466.40709435649</v>
      </c>
      <c r="V33" s="47">
        <v>529466.40709435649</v>
      </c>
    </row>
    <row r="34" spans="1:22">
      <c r="A34" s="40"/>
      <c r="B34" s="40"/>
      <c r="C34" s="40"/>
      <c r="D34" s="40"/>
      <c r="E34" s="40"/>
      <c r="F34" s="40"/>
      <c r="G34" s="40"/>
      <c r="H34" s="40"/>
      <c r="I34" s="40"/>
      <c r="J34" s="40"/>
      <c r="K34" s="40"/>
      <c r="L34" s="40"/>
      <c r="M34" s="40"/>
      <c r="N34" s="40"/>
      <c r="O34" s="40"/>
      <c r="P34" s="40"/>
      <c r="Q34" s="40"/>
      <c r="R34" s="40"/>
      <c r="S34" s="40"/>
      <c r="T34" s="40"/>
      <c r="U34" s="40"/>
      <c r="V34" s="40"/>
    </row>
    <row r="35" spans="1:22">
      <c r="A35" s="40" t="s">
        <v>75</v>
      </c>
      <c r="B35" s="46">
        <v>1621728.1509974806</v>
      </c>
      <c r="C35" s="46">
        <v>433554.13389999996</v>
      </c>
      <c r="D35" s="46">
        <v>458486.5037</v>
      </c>
      <c r="E35" s="46">
        <v>397918.73239999998</v>
      </c>
      <c r="F35" s="46">
        <v>364316.08999999997</v>
      </c>
      <c r="G35" s="46">
        <v>353113.29</v>
      </c>
      <c r="H35" s="46">
        <v>353113.29</v>
      </c>
      <c r="I35" s="46">
        <v>353113.29</v>
      </c>
      <c r="J35" s="46">
        <v>353113.29</v>
      </c>
      <c r="K35" s="46">
        <v>353113.29</v>
      </c>
      <c r="L35" s="46">
        <v>408113.29</v>
      </c>
      <c r="M35" s="46">
        <v>433554.13389999996</v>
      </c>
      <c r="N35" s="46">
        <v>458486.5037</v>
      </c>
      <c r="O35" s="46">
        <v>397918.73239999998</v>
      </c>
      <c r="P35" s="46">
        <v>364316.08999999997</v>
      </c>
      <c r="Q35" s="46">
        <v>353113.29</v>
      </c>
      <c r="R35" s="46">
        <v>353113.29</v>
      </c>
      <c r="S35" s="46">
        <v>353113.29</v>
      </c>
      <c r="T35" s="46">
        <v>353113.29</v>
      </c>
      <c r="U35" s="46">
        <v>353113.29</v>
      </c>
      <c r="V35" s="46">
        <v>287507.07467351976</v>
      </c>
    </row>
    <row r="36" spans="1:22">
      <c r="A36" s="48" t="s">
        <v>76</v>
      </c>
      <c r="B36" s="47">
        <v>1518351.8356710002</v>
      </c>
      <c r="C36" s="47">
        <v>353113.29</v>
      </c>
      <c r="D36" s="47">
        <v>353113.29</v>
      </c>
      <c r="E36" s="47">
        <v>353113.29</v>
      </c>
      <c r="F36" s="47">
        <v>353113.29</v>
      </c>
      <c r="G36" s="47">
        <v>353113.29</v>
      </c>
      <c r="H36" s="47">
        <v>353113.29</v>
      </c>
      <c r="I36" s="47">
        <v>353113.29</v>
      </c>
      <c r="J36" s="47">
        <v>353113.29</v>
      </c>
      <c r="K36" s="47">
        <v>353113.29</v>
      </c>
      <c r="L36" s="47">
        <v>353113.29</v>
      </c>
      <c r="M36" s="47">
        <v>353113.29</v>
      </c>
      <c r="N36" s="47">
        <v>353113.29</v>
      </c>
      <c r="O36" s="47">
        <v>353113.29</v>
      </c>
      <c r="P36" s="47">
        <v>353113.29</v>
      </c>
      <c r="Q36" s="47">
        <v>353113.29</v>
      </c>
      <c r="R36" s="47">
        <v>353113.29</v>
      </c>
      <c r="S36" s="47">
        <v>353113.29</v>
      </c>
      <c r="T36" s="47">
        <v>353113.29</v>
      </c>
      <c r="U36" s="47">
        <v>353113.29</v>
      </c>
      <c r="V36" s="47">
        <v>353113.29</v>
      </c>
    </row>
    <row r="37" spans="1:22">
      <c r="A37" s="49" t="s">
        <v>77</v>
      </c>
      <c r="B37" s="41">
        <v>33000</v>
      </c>
      <c r="C37" s="41">
        <v>80440.843899999993</v>
      </c>
      <c r="D37" s="41">
        <v>105373.21369999999</v>
      </c>
      <c r="E37" s="41">
        <v>44805.4424</v>
      </c>
      <c r="F37" s="41">
        <v>11202.8</v>
      </c>
      <c r="G37" s="41">
        <v>0</v>
      </c>
      <c r="H37" s="41">
        <v>0</v>
      </c>
      <c r="I37" s="41">
        <v>0</v>
      </c>
      <c r="J37" s="41">
        <v>0</v>
      </c>
      <c r="K37" s="41">
        <v>0</v>
      </c>
      <c r="L37" s="41">
        <v>55000</v>
      </c>
      <c r="M37" s="41">
        <v>80440.843899999993</v>
      </c>
      <c r="N37" s="41">
        <v>105373.21369999999</v>
      </c>
      <c r="O37" s="41">
        <v>44805.4424</v>
      </c>
      <c r="P37" s="41">
        <v>11202.8</v>
      </c>
      <c r="Q37" s="41">
        <v>0</v>
      </c>
      <c r="R37" s="41">
        <v>0</v>
      </c>
      <c r="S37" s="41">
        <v>0</v>
      </c>
      <c r="T37" s="41">
        <v>0</v>
      </c>
      <c r="U37" s="41">
        <v>0</v>
      </c>
      <c r="V37" s="41">
        <v>0</v>
      </c>
    </row>
    <row r="38" spans="1:22">
      <c r="A38" s="48" t="s">
        <v>78</v>
      </c>
      <c r="B38" s="50">
        <v>4770.1000000000004</v>
      </c>
      <c r="C38" s="44">
        <v>0</v>
      </c>
      <c r="D38" s="44">
        <v>0</v>
      </c>
      <c r="E38" s="44">
        <v>0</v>
      </c>
      <c r="F38" s="44">
        <v>0</v>
      </c>
      <c r="G38" s="44">
        <v>0</v>
      </c>
      <c r="H38" s="44">
        <v>0</v>
      </c>
      <c r="I38" s="44">
        <v>0</v>
      </c>
      <c r="J38" s="44">
        <v>0</v>
      </c>
      <c r="K38" s="44">
        <v>0</v>
      </c>
      <c r="L38" s="44">
        <v>0</v>
      </c>
      <c r="M38" s="44"/>
      <c r="N38" s="44"/>
      <c r="O38" s="44"/>
      <c r="P38" s="44"/>
      <c r="Q38" s="44"/>
      <c r="R38" s="44"/>
      <c r="S38" s="44"/>
      <c r="T38" s="44"/>
      <c r="U38" s="44"/>
      <c r="V38" s="44"/>
    </row>
    <row r="39" spans="1:22">
      <c r="A39" s="49" t="s">
        <v>79</v>
      </c>
      <c r="B39" s="41">
        <v>65606.215326480233</v>
      </c>
      <c r="C39" s="40">
        <v>0</v>
      </c>
      <c r="D39" s="40">
        <v>0</v>
      </c>
      <c r="E39" s="40">
        <v>0</v>
      </c>
      <c r="F39" s="40">
        <v>0</v>
      </c>
      <c r="G39" s="40">
        <v>0</v>
      </c>
      <c r="H39" s="40">
        <v>0</v>
      </c>
      <c r="I39" s="40">
        <v>0</v>
      </c>
      <c r="J39" s="40">
        <v>0</v>
      </c>
      <c r="K39" s="40">
        <v>0</v>
      </c>
      <c r="L39" s="46">
        <v>0</v>
      </c>
      <c r="M39" s="46">
        <v>0</v>
      </c>
      <c r="N39" s="46">
        <v>0</v>
      </c>
      <c r="O39" s="46">
        <v>0</v>
      </c>
      <c r="P39" s="46">
        <v>0</v>
      </c>
      <c r="Q39" s="46">
        <v>0</v>
      </c>
      <c r="R39" s="46">
        <v>0</v>
      </c>
      <c r="S39" s="46">
        <v>0</v>
      </c>
      <c r="T39" s="46">
        <v>0</v>
      </c>
      <c r="U39" s="46">
        <v>0</v>
      </c>
      <c r="V39" s="46">
        <v>-65606.215326480233</v>
      </c>
    </row>
    <row r="40" spans="1:22">
      <c r="A40" s="40"/>
      <c r="B40" s="40"/>
      <c r="C40" s="40"/>
      <c r="D40" s="40"/>
      <c r="E40" s="40"/>
      <c r="F40" s="40"/>
      <c r="G40" s="40"/>
      <c r="H40" s="40"/>
      <c r="I40" s="40"/>
      <c r="J40" s="40"/>
      <c r="K40" s="40"/>
      <c r="L40" s="40"/>
      <c r="M40" s="40"/>
      <c r="N40" s="40"/>
      <c r="O40" s="40"/>
      <c r="P40" s="40"/>
      <c r="Q40" s="40"/>
      <c r="R40" s="40"/>
      <c r="S40" s="40"/>
      <c r="T40" s="40"/>
      <c r="U40" s="40"/>
      <c r="V40" s="40"/>
    </row>
    <row r="41" spans="1:22">
      <c r="A41" s="44" t="s">
        <v>80</v>
      </c>
      <c r="B41" s="45">
        <v>0</v>
      </c>
      <c r="C41" s="45">
        <v>15007.314824999999</v>
      </c>
      <c r="D41" s="45">
        <v>15007.314824999999</v>
      </c>
      <c r="E41" s="45">
        <v>15007.314824999999</v>
      </c>
      <c r="F41" s="45">
        <v>15007.314824999999</v>
      </c>
      <c r="G41" s="45">
        <v>15007.314824999999</v>
      </c>
      <c r="H41" s="45">
        <v>15007.314824999999</v>
      </c>
      <c r="I41" s="45">
        <v>15007.314824999999</v>
      </c>
      <c r="J41" s="45">
        <v>15007.314824999999</v>
      </c>
      <c r="K41" s="45">
        <v>15007.314824999999</v>
      </c>
      <c r="L41" s="45">
        <v>15007.314824999999</v>
      </c>
      <c r="M41" s="45">
        <v>15007.314824999999</v>
      </c>
      <c r="N41" s="45">
        <v>15007.314824999999</v>
      </c>
      <c r="O41" s="45">
        <v>15007.314824999999</v>
      </c>
      <c r="P41" s="45">
        <v>15007.314824999999</v>
      </c>
      <c r="Q41" s="45">
        <v>15007.314824999999</v>
      </c>
      <c r="R41" s="45">
        <v>15007.314824999999</v>
      </c>
      <c r="S41" s="45">
        <v>15007.314824999999</v>
      </c>
      <c r="T41" s="45">
        <v>15007.314824999999</v>
      </c>
      <c r="U41" s="45">
        <v>15007.314824999999</v>
      </c>
      <c r="V41" s="45">
        <v>1023011.4468036834</v>
      </c>
    </row>
    <row r="42" spans="1:22">
      <c r="A42" s="40" t="s">
        <v>81</v>
      </c>
      <c r="B42" s="40"/>
      <c r="C42" s="46">
        <v>15007.314824999999</v>
      </c>
      <c r="D42" s="46">
        <v>15007.314824999999</v>
      </c>
      <c r="E42" s="46">
        <v>15007.314824999999</v>
      </c>
      <c r="F42" s="46">
        <v>15007.314824999999</v>
      </c>
      <c r="G42" s="46">
        <v>15007.314824999999</v>
      </c>
      <c r="H42" s="46">
        <v>15007.314824999999</v>
      </c>
      <c r="I42" s="46">
        <v>15007.314824999999</v>
      </c>
      <c r="J42" s="46">
        <v>15007.314824999999</v>
      </c>
      <c r="K42" s="46">
        <v>15007.314824999999</v>
      </c>
      <c r="L42" s="46">
        <v>15007.314824999999</v>
      </c>
      <c r="M42" s="46">
        <v>15007.314824999999</v>
      </c>
      <c r="N42" s="46">
        <v>15007.314824999999</v>
      </c>
      <c r="O42" s="46">
        <v>15007.314824999999</v>
      </c>
      <c r="P42" s="46">
        <v>15007.314824999999</v>
      </c>
      <c r="Q42" s="46">
        <v>15007.314824999999</v>
      </c>
      <c r="R42" s="46">
        <v>15007.314824999999</v>
      </c>
      <c r="S42" s="46">
        <v>15007.314824999999</v>
      </c>
      <c r="T42" s="46">
        <v>15007.314824999999</v>
      </c>
      <c r="U42" s="46">
        <v>15007.314824999999</v>
      </c>
      <c r="V42" s="46">
        <v>1020467.3934703501</v>
      </c>
    </row>
    <row r="43" spans="1:22">
      <c r="A43" s="44" t="s">
        <v>82</v>
      </c>
      <c r="B43" s="44"/>
      <c r="C43" s="44">
        <v>0</v>
      </c>
      <c r="D43" s="44">
        <v>0</v>
      </c>
      <c r="E43" s="44">
        <v>0</v>
      </c>
      <c r="F43" s="44">
        <v>0</v>
      </c>
      <c r="G43" s="44">
        <v>0</v>
      </c>
      <c r="H43" s="44">
        <v>0</v>
      </c>
      <c r="I43" s="44">
        <v>0</v>
      </c>
      <c r="J43" s="44">
        <v>0</v>
      </c>
      <c r="K43" s="44">
        <v>0</v>
      </c>
      <c r="L43" s="44">
        <v>0</v>
      </c>
      <c r="M43" s="44">
        <v>0</v>
      </c>
      <c r="N43" s="44">
        <v>0</v>
      </c>
      <c r="O43" s="44">
        <v>0</v>
      </c>
      <c r="P43" s="44">
        <v>0</v>
      </c>
      <c r="Q43" s="44">
        <v>0</v>
      </c>
      <c r="R43" s="44">
        <v>0</v>
      </c>
      <c r="S43" s="44">
        <v>0</v>
      </c>
      <c r="T43" s="44">
        <v>0</v>
      </c>
      <c r="U43" s="44">
        <v>0</v>
      </c>
      <c r="V43" s="44">
        <v>2544.0533333333337</v>
      </c>
    </row>
    <row r="44" spans="1:22">
      <c r="A44" s="40"/>
      <c r="B44" s="40"/>
      <c r="C44" s="40"/>
      <c r="D44" s="40"/>
      <c r="E44" s="40"/>
      <c r="F44" s="40"/>
      <c r="G44" s="40"/>
      <c r="H44" s="40"/>
      <c r="I44" s="40"/>
      <c r="J44" s="40"/>
      <c r="K44" s="40"/>
      <c r="L44" s="40"/>
      <c r="M44" s="40"/>
      <c r="N44" s="40"/>
      <c r="O44" s="40"/>
      <c r="P44" s="40"/>
      <c r="Q44" s="40"/>
      <c r="R44" s="40"/>
      <c r="S44" s="40"/>
      <c r="T44" s="40"/>
      <c r="U44" s="40"/>
      <c r="V44" s="40"/>
    </row>
    <row r="45" spans="1:22">
      <c r="A45" s="52" t="s">
        <v>83</v>
      </c>
      <c r="B45" s="53">
        <v>-1621728.1509974806</v>
      </c>
      <c r="C45" s="53">
        <v>80896.838423777415</v>
      </c>
      <c r="D45" s="53">
        <v>87141.550875377361</v>
      </c>
      <c r="E45" s="53">
        <v>174767.79597857746</v>
      </c>
      <c r="F45" s="53">
        <v>228258.08449857752</v>
      </c>
      <c r="G45" s="53">
        <v>263472.5882185775</v>
      </c>
      <c r="H45" s="53">
        <v>202334.37093415653</v>
      </c>
      <c r="I45" s="53">
        <v>195168.99240255641</v>
      </c>
      <c r="J45" s="53">
        <v>192122.22231935646</v>
      </c>
      <c r="K45" s="53">
        <v>191360.43191935652</v>
      </c>
      <c r="L45" s="53">
        <v>140100.43191935652</v>
      </c>
      <c r="M45" s="53">
        <v>125015.41340455638</v>
      </c>
      <c r="N45" s="53">
        <v>107248.42213615634</v>
      </c>
      <c r="O45" s="53">
        <v>170862.96351935633</v>
      </c>
      <c r="P45" s="53">
        <v>200341.54831935652</v>
      </c>
      <c r="Q45" s="53">
        <v>207804.3483193565</v>
      </c>
      <c r="R45" s="53">
        <v>202334.37093415653</v>
      </c>
      <c r="S45" s="53">
        <v>195168.99240255641</v>
      </c>
      <c r="T45" s="53">
        <v>192122.22231935646</v>
      </c>
      <c r="U45" s="53">
        <v>191360.43191935652</v>
      </c>
      <c r="V45" s="53">
        <v>1264970.7792245201</v>
      </c>
    </row>
    <row r="46" spans="1:22">
      <c r="A46" s="40"/>
      <c r="B46" s="40"/>
      <c r="C46" s="46"/>
      <c r="D46" s="46"/>
      <c r="E46" s="46"/>
      <c r="F46" s="46"/>
      <c r="G46" s="46"/>
      <c r="H46" s="46"/>
      <c r="I46" s="46"/>
      <c r="J46" s="46"/>
      <c r="K46" s="46"/>
      <c r="L46" s="46"/>
      <c r="M46" s="46"/>
      <c r="N46" s="46"/>
      <c r="O46" s="46"/>
      <c r="P46" s="46"/>
      <c r="Q46" s="46"/>
      <c r="R46" s="46"/>
      <c r="S46" s="46"/>
      <c r="T46" s="46"/>
      <c r="U46" s="46"/>
      <c r="V46" s="46"/>
    </row>
    <row r="47" spans="1:22">
      <c r="A47" s="39"/>
      <c r="B47" s="40"/>
      <c r="C47" s="40"/>
      <c r="D47" s="40"/>
      <c r="E47" s="40"/>
      <c r="F47" s="40"/>
      <c r="G47" s="40"/>
      <c r="H47" s="40"/>
      <c r="I47" s="40"/>
      <c r="J47" s="40"/>
      <c r="K47" s="40"/>
      <c r="L47" s="40"/>
      <c r="M47" s="40"/>
      <c r="N47" s="40"/>
      <c r="O47" s="40"/>
      <c r="P47" s="40"/>
      <c r="Q47" s="40"/>
      <c r="R47" s="40"/>
      <c r="S47" s="40"/>
      <c r="T47" s="40"/>
      <c r="U47" s="40"/>
      <c r="V47" s="40"/>
    </row>
    <row r="48" spans="1:22">
      <c r="A48" s="40"/>
      <c r="B48" s="40"/>
      <c r="C48" s="40"/>
      <c r="D48" s="40"/>
      <c r="E48" s="40"/>
      <c r="F48" s="40"/>
      <c r="G48" s="40"/>
      <c r="H48" s="40"/>
      <c r="I48" s="40"/>
      <c r="J48" s="40"/>
      <c r="K48" s="40"/>
      <c r="L48" s="40"/>
      <c r="M48" s="40"/>
      <c r="N48" s="40"/>
      <c r="O48" s="40"/>
      <c r="P48" s="40"/>
      <c r="Q48" s="40"/>
      <c r="R48" s="40"/>
      <c r="S48" s="40"/>
      <c r="T48" s="40"/>
      <c r="U48" s="40"/>
      <c r="V48" s="40"/>
    </row>
    <row r="49" spans="1:22" ht="12" thickBot="1"/>
    <row r="50" spans="1:22" ht="16.5" thickBot="1">
      <c r="A50" s="117" t="s">
        <v>58</v>
      </c>
      <c r="B50" s="118">
        <v>9.8500000000000004E-2</v>
      </c>
      <c r="C50" s="40"/>
      <c r="D50" s="40"/>
      <c r="E50" s="40"/>
      <c r="F50" s="40"/>
      <c r="G50" s="40"/>
      <c r="H50" s="40"/>
      <c r="I50" s="40"/>
      <c r="J50" s="40"/>
      <c r="K50" s="40"/>
      <c r="L50" s="40"/>
      <c r="M50" s="40"/>
      <c r="N50" s="40"/>
      <c r="O50" s="40"/>
      <c r="P50" s="40"/>
      <c r="Q50" s="40"/>
      <c r="R50" s="40"/>
      <c r="S50" s="40"/>
      <c r="T50" s="40"/>
      <c r="U50" s="40"/>
      <c r="V50" s="40"/>
    </row>
    <row r="51" spans="1:22">
      <c r="A51" s="40"/>
      <c r="B51" s="55"/>
      <c r="C51" s="40"/>
      <c r="D51" s="40"/>
      <c r="E51" s="40"/>
      <c r="F51" s="40"/>
      <c r="G51" s="40"/>
      <c r="H51" s="40"/>
      <c r="I51" s="40"/>
      <c r="J51" s="40"/>
      <c r="K51" s="40"/>
      <c r="L51" s="40"/>
      <c r="M51" s="56"/>
      <c r="N51" s="40"/>
      <c r="O51" s="40"/>
      <c r="P51" s="40"/>
      <c r="Q51" s="40"/>
      <c r="R51" s="40"/>
      <c r="S51" s="40"/>
      <c r="T51" s="40"/>
      <c r="U51" s="40"/>
      <c r="V51" s="40"/>
    </row>
    <row r="52" spans="1:22">
      <c r="A52" s="40"/>
      <c r="B52" s="55"/>
      <c r="C52" s="40"/>
      <c r="D52" s="40"/>
      <c r="E52" s="40"/>
      <c r="F52" s="40"/>
      <c r="G52" s="40"/>
      <c r="H52" s="40"/>
      <c r="I52" s="40"/>
      <c r="J52" s="40"/>
      <c r="K52" s="40"/>
      <c r="L52" s="40"/>
      <c r="M52" s="56"/>
      <c r="N52" s="40"/>
      <c r="O52" s="40"/>
      <c r="P52" s="40"/>
      <c r="Q52" s="40"/>
      <c r="R52" s="40"/>
      <c r="S52" s="40"/>
      <c r="T52" s="40"/>
      <c r="U52" s="40"/>
      <c r="V52" s="40"/>
    </row>
    <row r="53" spans="1:22">
      <c r="A53" s="40"/>
      <c r="B53" s="40"/>
      <c r="C53" s="40"/>
      <c r="D53" s="40"/>
      <c r="E53" s="40"/>
      <c r="F53" s="40"/>
      <c r="G53" s="40"/>
      <c r="H53" s="40"/>
      <c r="I53" s="40"/>
      <c r="J53" s="40"/>
      <c r="K53" s="40"/>
      <c r="L53" s="40"/>
      <c r="M53" s="40"/>
      <c r="N53" s="40"/>
      <c r="O53" s="40"/>
      <c r="P53" s="40"/>
      <c r="Q53" s="40"/>
      <c r="R53" s="40"/>
      <c r="S53" s="40"/>
      <c r="T53" s="40"/>
      <c r="U53" s="40"/>
      <c r="V53" s="40"/>
    </row>
    <row r="54" spans="1:22" ht="18">
      <c r="A54" s="116" t="s">
        <v>115</v>
      </c>
      <c r="B54" s="40"/>
      <c r="C54" s="40"/>
      <c r="D54" s="40"/>
      <c r="E54" s="40"/>
      <c r="F54" s="40"/>
      <c r="G54" s="40"/>
      <c r="H54" s="40"/>
      <c r="I54" s="40"/>
      <c r="J54" s="40"/>
      <c r="K54" s="40"/>
      <c r="L54" s="40"/>
      <c r="M54" s="40"/>
      <c r="N54" s="40"/>
      <c r="O54" s="40"/>
      <c r="P54" s="40"/>
      <c r="Q54" s="40"/>
      <c r="R54" s="40"/>
      <c r="S54" s="40"/>
      <c r="T54" s="40"/>
      <c r="U54" s="40"/>
      <c r="V54" s="40"/>
    </row>
    <row r="55" spans="1:22">
      <c r="A55" s="57" t="s">
        <v>84</v>
      </c>
      <c r="B55" s="58"/>
      <c r="C55" s="59">
        <v>250552.24646398335</v>
      </c>
      <c r="D55" s="60">
        <v>342249.54720398335</v>
      </c>
      <c r="E55" s="60">
        <v>421833.29368398339</v>
      </c>
      <c r="F55" s="60">
        <v>494696.51168398338</v>
      </c>
      <c r="G55" s="60">
        <v>565319.16968398332</v>
      </c>
      <c r="H55" s="60">
        <v>385500.88355333335</v>
      </c>
      <c r="I55" s="60">
        <v>364426.24081333331</v>
      </c>
      <c r="J55" s="60">
        <v>355465.15233333333</v>
      </c>
      <c r="K55" s="60">
        <v>353224.59233333333</v>
      </c>
      <c r="L55" s="60">
        <v>364224.59233333333</v>
      </c>
      <c r="M55" s="60">
        <v>380312.76111333334</v>
      </c>
      <c r="N55" s="60">
        <v>401387.40385333332</v>
      </c>
      <c r="O55" s="60">
        <v>410348.49233333336</v>
      </c>
      <c r="P55" s="60">
        <v>412589.0523333333</v>
      </c>
      <c r="Q55" s="60">
        <v>401589.0523333333</v>
      </c>
      <c r="R55" s="60">
        <v>385500.88355333335</v>
      </c>
      <c r="S55" s="60">
        <v>364426.24081333331</v>
      </c>
      <c r="T55" s="60">
        <v>355465.15233333333</v>
      </c>
      <c r="U55" s="60">
        <v>353224.59233333333</v>
      </c>
      <c r="V55" s="61">
        <v>353224.59233333333</v>
      </c>
    </row>
    <row r="56" spans="1:22">
      <c r="A56" s="62" t="s">
        <v>85</v>
      </c>
      <c r="B56" s="63"/>
      <c r="C56" s="65">
        <v>227752.77535065002</v>
      </c>
      <c r="D56" s="65">
        <v>298375.43335065001</v>
      </c>
      <c r="E56" s="65">
        <v>368998.09135065001</v>
      </c>
      <c r="F56" s="65">
        <v>439620.74935065</v>
      </c>
      <c r="G56" s="65">
        <v>510243.40735065</v>
      </c>
      <c r="H56" s="65">
        <v>353113.29</v>
      </c>
      <c r="I56" s="65">
        <v>353113.29</v>
      </c>
      <c r="J56" s="65">
        <v>353113.29</v>
      </c>
      <c r="K56" s="65">
        <v>353113.29</v>
      </c>
      <c r="L56" s="65">
        <v>353113.29</v>
      </c>
      <c r="M56" s="65">
        <v>353113.29</v>
      </c>
      <c r="N56" s="65">
        <v>353113.29</v>
      </c>
      <c r="O56" s="65">
        <v>353113.29</v>
      </c>
      <c r="P56" s="65">
        <v>353113.29</v>
      </c>
      <c r="Q56" s="65">
        <v>353113.29</v>
      </c>
      <c r="R56" s="65">
        <v>353113.29</v>
      </c>
      <c r="S56" s="65">
        <v>353113.29</v>
      </c>
      <c r="T56" s="65">
        <v>353113.29</v>
      </c>
      <c r="U56" s="65">
        <v>353113.29</v>
      </c>
      <c r="V56" s="66">
        <v>353113.29</v>
      </c>
    </row>
    <row r="57" spans="1:22">
      <c r="A57" s="67" t="s">
        <v>86</v>
      </c>
      <c r="B57" s="40"/>
      <c r="C57" s="41">
        <v>111.30233333333334</v>
      </c>
      <c r="D57" s="41">
        <v>111.30233333333334</v>
      </c>
      <c r="E57" s="41">
        <v>111.30233333333334</v>
      </c>
      <c r="F57" s="41">
        <v>111.30233333333334</v>
      </c>
      <c r="G57" s="41">
        <v>111.30233333333334</v>
      </c>
      <c r="H57" s="41">
        <v>111.30233333333334</v>
      </c>
      <c r="I57" s="41">
        <v>111.30233333333334</v>
      </c>
      <c r="J57" s="41">
        <v>111.30233333333334</v>
      </c>
      <c r="K57" s="41">
        <v>111.30233333333334</v>
      </c>
      <c r="L57" s="41">
        <v>111.30233333333334</v>
      </c>
      <c r="M57" s="41">
        <v>111.30233333333334</v>
      </c>
      <c r="N57" s="41">
        <v>111.30233333333334</v>
      </c>
      <c r="O57" s="41">
        <v>111.30233333333334</v>
      </c>
      <c r="P57" s="41">
        <v>111.30233333333334</v>
      </c>
      <c r="Q57" s="41">
        <v>111.30233333333334</v>
      </c>
      <c r="R57" s="41">
        <v>111.30233333333334</v>
      </c>
      <c r="S57" s="41">
        <v>111.30233333333334</v>
      </c>
      <c r="T57" s="41">
        <v>111.30233333333334</v>
      </c>
      <c r="U57" s="41">
        <v>111.30233333333334</v>
      </c>
      <c r="V57" s="41">
        <v>111.30233333333334</v>
      </c>
    </row>
    <row r="58" spans="1:22">
      <c r="A58" s="70" t="s">
        <v>87</v>
      </c>
      <c r="B58" s="71"/>
      <c r="C58" s="73">
        <v>22688.16878</v>
      </c>
      <c r="D58" s="73">
        <v>43762.811520000003</v>
      </c>
      <c r="E58" s="73">
        <v>52723.9</v>
      </c>
      <c r="F58" s="73">
        <v>54964.46</v>
      </c>
      <c r="G58" s="73">
        <v>54964.46</v>
      </c>
      <c r="H58" s="73">
        <v>32276.291220000003</v>
      </c>
      <c r="I58" s="73">
        <v>11201.64848</v>
      </c>
      <c r="J58" s="73">
        <v>2240.56</v>
      </c>
      <c r="K58" s="73">
        <v>0</v>
      </c>
      <c r="L58" s="73">
        <v>11000</v>
      </c>
      <c r="M58" s="73">
        <v>27088.16878</v>
      </c>
      <c r="N58" s="73">
        <v>48162.811520000003</v>
      </c>
      <c r="O58" s="73">
        <v>57123.899999999994</v>
      </c>
      <c r="P58" s="73">
        <v>59364.459999999992</v>
      </c>
      <c r="Q58" s="73">
        <v>48364.459999999992</v>
      </c>
      <c r="R58" s="73">
        <v>32276.291219999999</v>
      </c>
      <c r="S58" s="73">
        <v>11201.64848</v>
      </c>
      <c r="T58" s="73">
        <v>2240.56</v>
      </c>
      <c r="U58" s="73">
        <v>0</v>
      </c>
      <c r="V58" s="74">
        <v>0</v>
      </c>
    </row>
    <row r="88" spans="11:11" ht="12.75">
      <c r="K88" s="119" t="s">
        <v>131</v>
      </c>
    </row>
  </sheetData>
  <pageMargins left="0.19685039370078741" right="0.19685039370078741" top="0.19685039370078741" bottom="0.19685039370078741" header="0.31496062992125984" footer="1.38"/>
  <pageSetup paperSize="9" scale="55" fitToWidth="2" orientation="landscape" r:id="rId1"/>
  <drawing r:id="rId2"/>
</worksheet>
</file>

<file path=xl/worksheets/sheet7.xml><?xml version="1.0" encoding="utf-8"?>
<worksheet xmlns="http://schemas.openxmlformats.org/spreadsheetml/2006/main" xmlns:r="http://schemas.openxmlformats.org/officeDocument/2006/relationships">
  <sheetPr codeName="Plan14"/>
  <dimension ref="A1:V88"/>
  <sheetViews>
    <sheetView view="pageBreakPreview" topLeftCell="A46" zoomScale="80" zoomScaleNormal="100" zoomScaleSheetLayoutView="80" workbookViewId="0">
      <selection activeCell="K88" sqref="K88"/>
    </sheetView>
  </sheetViews>
  <sheetFormatPr defaultRowHeight="11.25"/>
  <cols>
    <col min="1" max="1" width="34.85546875" style="2" customWidth="1"/>
    <col min="2" max="2" width="11.7109375" style="2" bestFit="1" customWidth="1"/>
    <col min="3" max="3" width="11.5703125" style="2" bestFit="1" customWidth="1"/>
    <col min="4" max="22" width="10.5703125" style="2" customWidth="1"/>
    <col min="23" max="23" width="9.140625" style="2"/>
    <col min="24" max="25" width="9.140625" style="2" customWidth="1"/>
    <col min="26" max="16384" width="9.140625" style="2"/>
  </cols>
  <sheetData>
    <row r="1" spans="1:22" ht="18">
      <c r="A1" s="93" t="s">
        <v>90</v>
      </c>
    </row>
    <row r="4" spans="1:22" ht="18">
      <c r="A4" s="93" t="s">
        <v>112</v>
      </c>
    </row>
    <row r="5" spans="1:22" ht="15.75">
      <c r="A5" s="105" t="s">
        <v>49</v>
      </c>
    </row>
    <row r="6" spans="1:22" ht="15.75">
      <c r="A6" s="105" t="s">
        <v>113</v>
      </c>
    </row>
    <row r="7" spans="1:22" ht="12.75">
      <c r="A7" s="106" t="s">
        <v>57</v>
      </c>
      <c r="B7" s="107"/>
      <c r="C7" s="108">
        <v>10</v>
      </c>
    </row>
    <row r="8" spans="1:22" ht="12.75">
      <c r="A8" s="109" t="s">
        <v>59</v>
      </c>
      <c r="B8" s="110"/>
      <c r="C8" s="122">
        <v>51406.011786981704</v>
      </c>
    </row>
    <row r="9" spans="1:22" ht="12.75">
      <c r="A9" s="112"/>
      <c r="B9" s="112"/>
      <c r="C9" s="113"/>
    </row>
    <row r="10" spans="1:22" ht="12.75">
      <c r="A10" s="106" t="s">
        <v>60</v>
      </c>
      <c r="B10" s="107"/>
      <c r="C10" s="114">
        <v>41181.305173382141</v>
      </c>
    </row>
    <row r="11" spans="1:22" ht="12.75">
      <c r="A11" s="106" t="s">
        <v>61</v>
      </c>
      <c r="B11" s="107"/>
      <c r="C11" s="114">
        <v>13002.42123</v>
      </c>
    </row>
    <row r="12" spans="1:22" ht="12.75">
      <c r="A12" s="106" t="s">
        <v>62</v>
      </c>
      <c r="B12" s="107"/>
      <c r="C12" s="115">
        <v>28178.883943382141</v>
      </c>
    </row>
    <row r="13" spans="1:22" ht="12.75">
      <c r="A13" s="106" t="s">
        <v>63</v>
      </c>
      <c r="B13" s="107"/>
      <c r="C13" s="114">
        <v>19893.915129600002</v>
      </c>
    </row>
    <row r="14" spans="1:22">
      <c r="A14" s="40"/>
      <c r="B14" s="40"/>
      <c r="C14" s="41"/>
    </row>
    <row r="15" spans="1:22" ht="18">
      <c r="A15" s="116" t="s">
        <v>114</v>
      </c>
      <c r="C15" s="41"/>
      <c r="D15" s="75"/>
      <c r="V15" s="42" t="s">
        <v>64</v>
      </c>
    </row>
    <row r="16" spans="1:22">
      <c r="A16" s="43"/>
      <c r="B16" s="43" t="s">
        <v>3</v>
      </c>
      <c r="C16" s="43" t="s">
        <v>4</v>
      </c>
      <c r="D16" s="43" t="s">
        <v>5</v>
      </c>
      <c r="E16" s="43" t="s">
        <v>6</v>
      </c>
      <c r="F16" s="43" t="s">
        <v>7</v>
      </c>
      <c r="G16" s="43" t="s">
        <v>8</v>
      </c>
      <c r="H16" s="43" t="s">
        <v>9</v>
      </c>
      <c r="I16" s="43" t="s">
        <v>10</v>
      </c>
      <c r="J16" s="43" t="s">
        <v>11</v>
      </c>
      <c r="K16" s="43" t="s">
        <v>12</v>
      </c>
      <c r="L16" s="43" t="s">
        <v>13</v>
      </c>
      <c r="M16" s="43" t="s">
        <v>14</v>
      </c>
      <c r="N16" s="43" t="s">
        <v>15</v>
      </c>
      <c r="O16" s="43" t="s">
        <v>16</v>
      </c>
      <c r="P16" s="43" t="s">
        <v>17</v>
      </c>
      <c r="Q16" s="43" t="s">
        <v>18</v>
      </c>
      <c r="R16" s="43" t="s">
        <v>19</v>
      </c>
      <c r="S16" s="43" t="s">
        <v>20</v>
      </c>
      <c r="T16" s="43" t="s">
        <v>21</v>
      </c>
      <c r="U16" s="43" t="s">
        <v>22</v>
      </c>
      <c r="V16" s="43" t="s">
        <v>23</v>
      </c>
    </row>
    <row r="17" spans="1:22">
      <c r="A17" s="40" t="s">
        <v>65</v>
      </c>
      <c r="B17" s="40"/>
      <c r="C17" s="41">
        <v>6168721.4144378044</v>
      </c>
      <c r="D17" s="41">
        <v>6168721.4144378044</v>
      </c>
      <c r="E17" s="41">
        <v>6168721.4144378044</v>
      </c>
      <c r="F17" s="41">
        <v>6168721.4144378044</v>
      </c>
      <c r="G17" s="41">
        <v>6168721.4144378044</v>
      </c>
      <c r="H17" s="41">
        <v>6168721.4144378044</v>
      </c>
      <c r="I17" s="41">
        <v>6168721.4144378044</v>
      </c>
      <c r="J17" s="41">
        <v>6168721.4144378044</v>
      </c>
      <c r="K17" s="41">
        <v>6168721.4144378044</v>
      </c>
      <c r="L17" s="41">
        <v>6168721.4144378044</v>
      </c>
      <c r="M17" s="41">
        <v>6168721.4144378044</v>
      </c>
      <c r="N17" s="41">
        <v>6168721.4144378044</v>
      </c>
      <c r="O17" s="41">
        <v>6168721.4144378044</v>
      </c>
      <c r="P17" s="41">
        <v>6168721.4144378044</v>
      </c>
      <c r="Q17" s="41">
        <v>6168721.4144378044</v>
      </c>
      <c r="R17" s="41">
        <v>6168721.4144378044</v>
      </c>
      <c r="S17" s="41">
        <v>6168721.4144378044</v>
      </c>
      <c r="T17" s="41">
        <v>6168721.4144378044</v>
      </c>
      <c r="U17" s="41">
        <v>6168721.4144378044</v>
      </c>
      <c r="V17" s="41">
        <v>6168721.4144378044</v>
      </c>
    </row>
    <row r="18" spans="1:22">
      <c r="A18" s="44" t="s">
        <v>66</v>
      </c>
      <c r="B18" s="44"/>
      <c r="C18" s="45">
        <v>123374.42828875608</v>
      </c>
      <c r="D18" s="45">
        <v>123374.42828875608</v>
      </c>
      <c r="E18" s="45">
        <v>123374.42828875608</v>
      </c>
      <c r="F18" s="45">
        <v>123374.42828875608</v>
      </c>
      <c r="G18" s="45">
        <v>123374.42828875608</v>
      </c>
      <c r="H18" s="45">
        <v>123374.42828875608</v>
      </c>
      <c r="I18" s="45">
        <v>123374.42828875608</v>
      </c>
      <c r="J18" s="45">
        <v>123374.42828875608</v>
      </c>
      <c r="K18" s="45">
        <v>123374.42828875608</v>
      </c>
      <c r="L18" s="45">
        <v>123374.42828875608</v>
      </c>
      <c r="M18" s="45">
        <v>123374.42828875608</v>
      </c>
      <c r="N18" s="45">
        <v>123374.42828875608</v>
      </c>
      <c r="O18" s="45">
        <v>123374.42828875608</v>
      </c>
      <c r="P18" s="45">
        <v>123374.42828875608</v>
      </c>
      <c r="Q18" s="45">
        <v>123374.42828875608</v>
      </c>
      <c r="R18" s="45">
        <v>123374.42828875608</v>
      </c>
      <c r="S18" s="45">
        <v>123374.42828875608</v>
      </c>
      <c r="T18" s="45">
        <v>123374.42828875608</v>
      </c>
      <c r="U18" s="45">
        <v>123374.42828875608</v>
      </c>
      <c r="V18" s="45">
        <v>123374.42828875608</v>
      </c>
    </row>
    <row r="19" spans="1:22">
      <c r="A19" s="40" t="s">
        <v>67</v>
      </c>
      <c r="B19" s="40"/>
      <c r="C19" s="46">
        <v>6045346.9861490484</v>
      </c>
      <c r="D19" s="46">
        <v>6045346.9861490484</v>
      </c>
      <c r="E19" s="46">
        <v>6045346.9861490484</v>
      </c>
      <c r="F19" s="46">
        <v>6045346.9861490484</v>
      </c>
      <c r="G19" s="46">
        <v>6045346.9861490484</v>
      </c>
      <c r="H19" s="46">
        <v>6045346.9861490484</v>
      </c>
      <c r="I19" s="46">
        <v>6045346.9861490484</v>
      </c>
      <c r="J19" s="46">
        <v>6045346.9861490484</v>
      </c>
      <c r="K19" s="46">
        <v>6045346.9861490484</v>
      </c>
      <c r="L19" s="46">
        <v>6045346.9861490484</v>
      </c>
      <c r="M19" s="46">
        <v>6045346.9861490484</v>
      </c>
      <c r="N19" s="46">
        <v>6045346.9861490484</v>
      </c>
      <c r="O19" s="46">
        <v>6045346.9861490484</v>
      </c>
      <c r="P19" s="46">
        <v>6045346.9861490484</v>
      </c>
      <c r="Q19" s="46">
        <v>6045346.9861490484</v>
      </c>
      <c r="R19" s="46">
        <v>6045346.9861490484</v>
      </c>
      <c r="S19" s="46">
        <v>6045346.9861490484</v>
      </c>
      <c r="T19" s="46">
        <v>6045346.9861490484</v>
      </c>
      <c r="U19" s="46">
        <v>6045346.9861490484</v>
      </c>
      <c r="V19" s="46">
        <v>6045346.9861490484</v>
      </c>
    </row>
    <row r="20" spans="1:22">
      <c r="A20" s="40"/>
      <c r="B20" s="40"/>
      <c r="C20" s="40"/>
      <c r="D20" s="40"/>
      <c r="E20" s="40"/>
      <c r="F20" s="40"/>
      <c r="G20" s="40"/>
      <c r="H20" s="40"/>
      <c r="I20" s="40"/>
      <c r="J20" s="40"/>
      <c r="K20" s="40"/>
      <c r="L20" s="40"/>
      <c r="M20" s="40"/>
      <c r="N20" s="40"/>
      <c r="O20" s="40"/>
      <c r="P20" s="40"/>
      <c r="Q20" s="40"/>
      <c r="R20" s="40"/>
      <c r="S20" s="40"/>
      <c r="T20" s="40"/>
      <c r="U20" s="40"/>
      <c r="V20" s="40"/>
    </row>
    <row r="21" spans="1:22">
      <c r="A21" s="44" t="s">
        <v>68</v>
      </c>
      <c r="B21" s="44"/>
      <c r="C21" s="45">
        <v>5147698.972101857</v>
      </c>
      <c r="D21" s="45">
        <v>5147698.972101857</v>
      </c>
      <c r="E21" s="45">
        <v>5147698.972101857</v>
      </c>
      <c r="F21" s="45">
        <v>5155101.7721018568</v>
      </c>
      <c r="G21" s="45">
        <v>5155101.7721018568</v>
      </c>
      <c r="H21" s="45">
        <v>5155101.7721018568</v>
      </c>
      <c r="I21" s="45">
        <v>5155101.7721018568</v>
      </c>
      <c r="J21" s="45">
        <v>5155101.7721018568</v>
      </c>
      <c r="K21" s="45">
        <v>5155101.7721018568</v>
      </c>
      <c r="L21" s="45">
        <v>5155101.7721018568</v>
      </c>
      <c r="M21" s="47">
        <v>5147698.972101857</v>
      </c>
      <c r="N21" s="47">
        <v>5147698.972101857</v>
      </c>
      <c r="O21" s="47">
        <v>5147698.972101857</v>
      </c>
      <c r="P21" s="47">
        <v>5155101.7721018568</v>
      </c>
      <c r="Q21" s="47">
        <v>5155101.7721018568</v>
      </c>
      <c r="R21" s="47">
        <v>5155101.7721018568</v>
      </c>
      <c r="S21" s="47">
        <v>5155101.7721018568</v>
      </c>
      <c r="T21" s="47">
        <v>5155101.7721018568</v>
      </c>
      <c r="U21" s="47">
        <v>5155101.7721018568</v>
      </c>
      <c r="V21" s="47">
        <v>5155101.7721018568</v>
      </c>
    </row>
    <row r="22" spans="1:22">
      <c r="A22" s="40"/>
      <c r="B22" s="40"/>
      <c r="C22" s="46"/>
      <c r="D22" s="40"/>
      <c r="E22" s="40"/>
      <c r="F22" s="40"/>
      <c r="G22" s="40"/>
      <c r="H22" s="40"/>
      <c r="I22" s="40"/>
      <c r="J22" s="40"/>
      <c r="K22" s="40"/>
      <c r="L22" s="40"/>
      <c r="M22" s="40"/>
      <c r="N22" s="40"/>
      <c r="O22" s="40"/>
      <c r="P22" s="40"/>
      <c r="Q22" s="40"/>
      <c r="R22" s="40"/>
      <c r="S22" s="40"/>
      <c r="T22" s="40"/>
      <c r="U22" s="40"/>
      <c r="V22" s="40"/>
    </row>
    <row r="23" spans="1:22">
      <c r="A23" s="40" t="s">
        <v>69</v>
      </c>
      <c r="B23" s="40"/>
      <c r="C23" s="41">
        <v>355862.30778583343</v>
      </c>
      <c r="D23" s="41">
        <v>483714.24128583341</v>
      </c>
      <c r="E23" s="41">
        <v>600527.33900583338</v>
      </c>
      <c r="F23" s="41">
        <v>706045.59900583327</v>
      </c>
      <c r="G23" s="41">
        <v>809323.29900583322</v>
      </c>
      <c r="H23" s="41">
        <v>556849.99355333333</v>
      </c>
      <c r="I23" s="41">
        <v>532275.76005333336</v>
      </c>
      <c r="J23" s="41">
        <v>518740.36233333335</v>
      </c>
      <c r="K23" s="41">
        <v>516499.80233333335</v>
      </c>
      <c r="L23" s="41">
        <v>527499.8023333333</v>
      </c>
      <c r="M23" s="41">
        <v>543587.97111333336</v>
      </c>
      <c r="N23" s="41">
        <v>568162.20461333334</v>
      </c>
      <c r="O23" s="41">
        <v>581697.60233333334</v>
      </c>
      <c r="P23" s="41">
        <v>583938.1623333334</v>
      </c>
      <c r="Q23" s="41">
        <v>572938.1623333334</v>
      </c>
      <c r="R23" s="41">
        <v>556849.99355333333</v>
      </c>
      <c r="S23" s="41">
        <v>532275.76005333336</v>
      </c>
      <c r="T23" s="41">
        <v>518740.36233333335</v>
      </c>
      <c r="U23" s="41">
        <v>516499.80233333335</v>
      </c>
      <c r="V23" s="41">
        <v>516499.80233333335</v>
      </c>
    </row>
    <row r="24" spans="1:22">
      <c r="A24" s="40"/>
      <c r="B24" s="40"/>
      <c r="C24" s="40"/>
      <c r="D24" s="40"/>
      <c r="E24" s="40"/>
      <c r="F24" s="40"/>
      <c r="G24" s="40"/>
      <c r="H24" s="40"/>
      <c r="I24" s="40"/>
      <c r="J24" s="40"/>
      <c r="K24" s="40"/>
      <c r="L24" s="40"/>
      <c r="M24" s="40"/>
      <c r="N24" s="40"/>
      <c r="O24" s="40"/>
      <c r="P24" s="40"/>
      <c r="Q24" s="40"/>
      <c r="R24" s="40"/>
      <c r="S24" s="40"/>
      <c r="T24" s="40"/>
      <c r="U24" s="40"/>
      <c r="V24" s="40"/>
    </row>
    <row r="25" spans="1:22">
      <c r="A25" s="44" t="s">
        <v>70</v>
      </c>
      <c r="B25" s="44"/>
      <c r="C25" s="47">
        <v>541785.70626135799</v>
      </c>
      <c r="D25" s="47">
        <v>413933.77276135806</v>
      </c>
      <c r="E25" s="47">
        <v>297120.6750413581</v>
      </c>
      <c r="F25" s="47">
        <v>184199.6150413584</v>
      </c>
      <c r="G25" s="47">
        <v>80921.915041358443</v>
      </c>
      <c r="H25" s="47">
        <v>333395.22049385833</v>
      </c>
      <c r="I25" s="47">
        <v>357969.4539938583</v>
      </c>
      <c r="J25" s="47">
        <v>371504.85171385831</v>
      </c>
      <c r="K25" s="47">
        <v>373745.41171385831</v>
      </c>
      <c r="L25" s="47">
        <v>362745.41171385837</v>
      </c>
      <c r="M25" s="47">
        <v>354060.04293385812</v>
      </c>
      <c r="N25" s="47">
        <v>329485.80943385814</v>
      </c>
      <c r="O25" s="47">
        <v>315950.41171385814</v>
      </c>
      <c r="P25" s="47">
        <v>306307.05171385827</v>
      </c>
      <c r="Q25" s="47">
        <v>317307.05171385827</v>
      </c>
      <c r="R25" s="47">
        <v>333395.22049385833</v>
      </c>
      <c r="S25" s="47">
        <v>357969.4539938583</v>
      </c>
      <c r="T25" s="47">
        <v>371504.85171385831</v>
      </c>
      <c r="U25" s="47">
        <v>373745.41171385831</v>
      </c>
      <c r="V25" s="47">
        <v>373745.41171385831</v>
      </c>
    </row>
    <row r="26" spans="1:22">
      <c r="A26" s="40"/>
      <c r="B26" s="40"/>
      <c r="C26" s="40"/>
      <c r="D26" s="40"/>
      <c r="E26" s="40"/>
      <c r="F26" s="40"/>
      <c r="G26" s="40"/>
      <c r="H26" s="40"/>
      <c r="I26" s="40"/>
      <c r="J26" s="40"/>
      <c r="K26" s="40"/>
      <c r="L26" s="40"/>
      <c r="M26" s="40"/>
      <c r="N26" s="40"/>
      <c r="O26" s="40"/>
      <c r="P26" s="40"/>
      <c r="Q26" s="40"/>
      <c r="R26" s="40"/>
      <c r="S26" s="40"/>
      <c r="T26" s="40"/>
      <c r="U26" s="40"/>
      <c r="V26" s="40"/>
    </row>
    <row r="27" spans="1:22">
      <c r="A27" s="40" t="s">
        <v>71</v>
      </c>
      <c r="B27" s="40"/>
      <c r="C27" s="41">
        <v>184207.14012886173</v>
      </c>
      <c r="D27" s="41">
        <v>140737.48273886176</v>
      </c>
      <c r="E27" s="41">
        <v>101021.02951406177</v>
      </c>
      <c r="F27" s="41">
        <v>62627.869114061861</v>
      </c>
      <c r="G27" s="41">
        <v>27513.451114061874</v>
      </c>
      <c r="H27" s="41">
        <v>113354.37496791183</v>
      </c>
      <c r="I27" s="41">
        <v>121709.61435791184</v>
      </c>
      <c r="J27" s="41">
        <v>126311.64958271183</v>
      </c>
      <c r="K27" s="41">
        <v>127073.43998271183</v>
      </c>
      <c r="L27" s="41">
        <v>123333.43998271185</v>
      </c>
      <c r="M27" s="41">
        <v>120380.41459751177</v>
      </c>
      <c r="N27" s="41">
        <v>112025.17520751178</v>
      </c>
      <c r="O27" s="41">
        <v>107423.13998271177</v>
      </c>
      <c r="P27" s="41">
        <v>104144.39758271181</v>
      </c>
      <c r="Q27" s="41">
        <v>107884.39758271181</v>
      </c>
      <c r="R27" s="41">
        <v>113354.37496791183</v>
      </c>
      <c r="S27" s="41">
        <v>121709.61435791184</v>
      </c>
      <c r="T27" s="41">
        <v>126311.64958271183</v>
      </c>
      <c r="U27" s="41">
        <v>127073.43998271183</v>
      </c>
      <c r="V27" s="41">
        <v>127073.43998271183</v>
      </c>
    </row>
    <row r="28" spans="1:22">
      <c r="A28" s="40"/>
      <c r="B28" s="40"/>
      <c r="C28" s="40"/>
      <c r="D28" s="40"/>
      <c r="E28" s="40"/>
      <c r="F28" s="40"/>
      <c r="G28" s="40"/>
      <c r="H28" s="40"/>
      <c r="I28" s="40"/>
      <c r="J28" s="40"/>
      <c r="K28" s="40"/>
      <c r="L28" s="40"/>
      <c r="M28" s="40"/>
      <c r="N28" s="40"/>
      <c r="O28" s="40"/>
      <c r="P28" s="40"/>
      <c r="Q28" s="40"/>
      <c r="R28" s="40"/>
      <c r="S28" s="40"/>
      <c r="T28" s="40"/>
      <c r="U28" s="40"/>
      <c r="V28" s="40"/>
    </row>
    <row r="29" spans="1:22">
      <c r="A29" s="44" t="s">
        <v>72</v>
      </c>
      <c r="B29" s="44"/>
      <c r="C29" s="47">
        <v>357578.56613249623</v>
      </c>
      <c r="D29" s="47">
        <v>273196.29002249631</v>
      </c>
      <c r="E29" s="47">
        <v>196099.64552729635</v>
      </c>
      <c r="F29" s="47">
        <v>121571.74592729654</v>
      </c>
      <c r="G29" s="47">
        <v>53408.463927296572</v>
      </c>
      <c r="H29" s="47">
        <v>220040.8455259465</v>
      </c>
      <c r="I29" s="47">
        <v>236259.83963594647</v>
      </c>
      <c r="J29" s="47">
        <v>245193.20213114648</v>
      </c>
      <c r="K29" s="47">
        <v>246671.97173114648</v>
      </c>
      <c r="L29" s="47">
        <v>239411.97173114651</v>
      </c>
      <c r="M29" s="47">
        <v>233679.62833634636</v>
      </c>
      <c r="N29" s="47">
        <v>217460.63422634636</v>
      </c>
      <c r="O29" s="47">
        <v>208527.27173114638</v>
      </c>
      <c r="P29" s="47">
        <v>202162.65413114644</v>
      </c>
      <c r="Q29" s="47">
        <v>209422.65413114644</v>
      </c>
      <c r="R29" s="47">
        <v>220040.8455259465</v>
      </c>
      <c r="S29" s="47">
        <v>236259.83963594647</v>
      </c>
      <c r="T29" s="47">
        <v>245193.20213114648</v>
      </c>
      <c r="U29" s="47">
        <v>246671.97173114648</v>
      </c>
      <c r="V29" s="47">
        <v>246671.97173114648</v>
      </c>
    </row>
    <row r="30" spans="1:22">
      <c r="A30" s="40"/>
      <c r="B30" s="40"/>
      <c r="C30" s="40"/>
      <c r="D30" s="40"/>
      <c r="E30" s="40"/>
      <c r="F30" s="40"/>
      <c r="G30" s="40"/>
      <c r="H30" s="40"/>
      <c r="I30" s="40"/>
      <c r="J30" s="40"/>
      <c r="K30" s="40"/>
      <c r="L30" s="40"/>
      <c r="M30" s="40"/>
      <c r="N30" s="40"/>
      <c r="O30" s="40"/>
      <c r="P30" s="40"/>
      <c r="Q30" s="40"/>
      <c r="R30" s="40"/>
      <c r="S30" s="40"/>
      <c r="T30" s="40"/>
      <c r="U30" s="40"/>
      <c r="V30" s="40"/>
    </row>
    <row r="31" spans="1:22">
      <c r="A31" s="40" t="s">
        <v>73</v>
      </c>
      <c r="B31" s="40"/>
      <c r="C31" s="41">
        <v>355862.30778583343</v>
      </c>
      <c r="D31" s="41">
        <v>483714.24128583341</v>
      </c>
      <c r="E31" s="41">
        <v>600527.33900583338</v>
      </c>
      <c r="F31" s="41">
        <v>706045.59900583327</v>
      </c>
      <c r="G31" s="41">
        <v>809323.29900583322</v>
      </c>
      <c r="H31" s="41">
        <v>556849.99355333333</v>
      </c>
      <c r="I31" s="41">
        <v>532275.76005333336</v>
      </c>
      <c r="J31" s="41">
        <v>518740.36233333335</v>
      </c>
      <c r="K31" s="41">
        <v>516499.80233333335</v>
      </c>
      <c r="L31" s="41">
        <v>527499.8023333333</v>
      </c>
      <c r="M31" s="41">
        <v>543587.97111333336</v>
      </c>
      <c r="N31" s="41">
        <v>568162.20461333334</v>
      </c>
      <c r="O31" s="41">
        <v>581697.60233333334</v>
      </c>
      <c r="P31" s="41">
        <v>583938.1623333334</v>
      </c>
      <c r="Q31" s="41">
        <v>572938.1623333334</v>
      </c>
      <c r="R31" s="41">
        <v>556849.99355333333</v>
      </c>
      <c r="S31" s="41">
        <v>532275.76005333336</v>
      </c>
      <c r="T31" s="41">
        <v>518740.36233333335</v>
      </c>
      <c r="U31" s="41">
        <v>516499.80233333335</v>
      </c>
      <c r="V31" s="41">
        <v>516499.80233333335</v>
      </c>
    </row>
    <row r="32" spans="1:22">
      <c r="A32" s="40"/>
      <c r="B32" s="40"/>
      <c r="C32" s="40"/>
      <c r="D32" s="40"/>
      <c r="E32" s="40"/>
      <c r="F32" s="40"/>
      <c r="G32" s="40"/>
      <c r="H32" s="40"/>
      <c r="I32" s="40"/>
      <c r="J32" s="40"/>
      <c r="K32" s="40"/>
      <c r="L32" s="40"/>
      <c r="M32" s="40"/>
      <c r="N32" s="40"/>
      <c r="O32" s="40"/>
      <c r="P32" s="40"/>
      <c r="Q32" s="40"/>
      <c r="R32" s="40"/>
      <c r="S32" s="40"/>
      <c r="T32" s="40"/>
      <c r="U32" s="40"/>
      <c r="V32" s="40"/>
    </row>
    <row r="33" spans="1:22">
      <c r="A33" s="44" t="s">
        <v>74</v>
      </c>
      <c r="B33" s="44"/>
      <c r="C33" s="47">
        <v>713440.8739183296</v>
      </c>
      <c r="D33" s="47">
        <v>756910.53130832966</v>
      </c>
      <c r="E33" s="47">
        <v>796626.98453312973</v>
      </c>
      <c r="F33" s="47">
        <v>827617.34493312985</v>
      </c>
      <c r="G33" s="47">
        <v>862731.76293312979</v>
      </c>
      <c r="H33" s="47">
        <v>776890.8390792798</v>
      </c>
      <c r="I33" s="47">
        <v>768535.5996892798</v>
      </c>
      <c r="J33" s="47">
        <v>763933.5644644798</v>
      </c>
      <c r="K33" s="47">
        <v>763171.77406447986</v>
      </c>
      <c r="L33" s="47">
        <v>766911.77406447986</v>
      </c>
      <c r="M33" s="47">
        <v>777267.59944967972</v>
      </c>
      <c r="N33" s="47">
        <v>785622.83883967972</v>
      </c>
      <c r="O33" s="47">
        <v>790224.87406447972</v>
      </c>
      <c r="P33" s="47">
        <v>786100.81646447978</v>
      </c>
      <c r="Q33" s="47">
        <v>782360.81646447978</v>
      </c>
      <c r="R33" s="47">
        <v>776890.8390792798</v>
      </c>
      <c r="S33" s="47">
        <v>768535.5996892798</v>
      </c>
      <c r="T33" s="47">
        <v>763933.5644644798</v>
      </c>
      <c r="U33" s="47">
        <v>763171.77406447986</v>
      </c>
      <c r="V33" s="47">
        <v>763171.77406447986</v>
      </c>
    </row>
    <row r="34" spans="1:22">
      <c r="A34" s="40"/>
      <c r="B34" s="40"/>
      <c r="C34" s="40"/>
      <c r="D34" s="40"/>
      <c r="E34" s="40"/>
      <c r="F34" s="40"/>
      <c r="G34" s="40"/>
      <c r="H34" s="40"/>
      <c r="I34" s="40"/>
      <c r="J34" s="40"/>
      <c r="K34" s="40"/>
      <c r="L34" s="40"/>
      <c r="M34" s="40"/>
      <c r="N34" s="40"/>
      <c r="O34" s="40"/>
      <c r="P34" s="40"/>
      <c r="Q34" s="40"/>
      <c r="R34" s="40"/>
      <c r="S34" s="40"/>
      <c r="T34" s="40"/>
      <c r="U34" s="40"/>
      <c r="V34" s="40"/>
    </row>
    <row r="35" spans="1:22">
      <c r="A35" s="40" t="s">
        <v>75</v>
      </c>
      <c r="B35" s="46">
        <v>2328705.4354253686</v>
      </c>
      <c r="C35" s="46">
        <v>596829.34389999998</v>
      </c>
      <c r="D35" s="46">
        <v>639259.66749999998</v>
      </c>
      <c r="E35" s="46">
        <v>584065.48860000004</v>
      </c>
      <c r="F35" s="46">
        <v>527591.30000000005</v>
      </c>
      <c r="G35" s="46">
        <v>516388.5</v>
      </c>
      <c r="H35" s="46">
        <v>516388.5</v>
      </c>
      <c r="I35" s="46">
        <v>516388.5</v>
      </c>
      <c r="J35" s="46">
        <v>516388.5</v>
      </c>
      <c r="K35" s="46">
        <v>516388.5</v>
      </c>
      <c r="L35" s="46">
        <v>571388.5</v>
      </c>
      <c r="M35" s="46">
        <v>596829.34389999998</v>
      </c>
      <c r="N35" s="46">
        <v>639259.66749999998</v>
      </c>
      <c r="O35" s="46">
        <v>584065.48860000004</v>
      </c>
      <c r="P35" s="46">
        <v>527591.30000000005</v>
      </c>
      <c r="Q35" s="46">
        <v>516388.5</v>
      </c>
      <c r="R35" s="46">
        <v>516388.5</v>
      </c>
      <c r="S35" s="46">
        <v>516388.5</v>
      </c>
      <c r="T35" s="46">
        <v>516388.5</v>
      </c>
      <c r="U35" s="46">
        <v>516388.5</v>
      </c>
      <c r="V35" s="46">
        <v>445872.07572463213</v>
      </c>
    </row>
    <row r="36" spans="1:22">
      <c r="A36" s="48" t="s">
        <v>76</v>
      </c>
      <c r="B36" s="47">
        <v>2220418.9111500005</v>
      </c>
      <c r="C36" s="47">
        <v>516388.5</v>
      </c>
      <c r="D36" s="47">
        <v>516388.5</v>
      </c>
      <c r="E36" s="47">
        <v>516388.5</v>
      </c>
      <c r="F36" s="47">
        <v>516388.5</v>
      </c>
      <c r="G36" s="47">
        <v>516388.5</v>
      </c>
      <c r="H36" s="47">
        <v>516388.5</v>
      </c>
      <c r="I36" s="47">
        <v>516388.5</v>
      </c>
      <c r="J36" s="47">
        <v>516388.5</v>
      </c>
      <c r="K36" s="47">
        <v>516388.5</v>
      </c>
      <c r="L36" s="47">
        <v>516388.5</v>
      </c>
      <c r="M36" s="47">
        <v>516388.5</v>
      </c>
      <c r="N36" s="47">
        <v>516388.5</v>
      </c>
      <c r="O36" s="47">
        <v>516388.5</v>
      </c>
      <c r="P36" s="47">
        <v>516388.5</v>
      </c>
      <c r="Q36" s="47">
        <v>516388.5</v>
      </c>
      <c r="R36" s="47">
        <v>516388.5</v>
      </c>
      <c r="S36" s="47">
        <v>516388.5</v>
      </c>
      <c r="T36" s="47">
        <v>516388.5</v>
      </c>
      <c r="U36" s="47">
        <v>516388.5</v>
      </c>
      <c r="V36" s="47">
        <v>516388.5</v>
      </c>
    </row>
    <row r="37" spans="1:22">
      <c r="A37" s="49" t="s">
        <v>77</v>
      </c>
      <c r="B37" s="41">
        <v>33000</v>
      </c>
      <c r="C37" s="41">
        <v>80440.843899999993</v>
      </c>
      <c r="D37" s="41">
        <v>122871.1675</v>
      </c>
      <c r="E37" s="41">
        <v>67676.988600000012</v>
      </c>
      <c r="F37" s="41">
        <v>11202.8</v>
      </c>
      <c r="G37" s="41">
        <v>0</v>
      </c>
      <c r="H37" s="41">
        <v>0</v>
      </c>
      <c r="I37" s="41">
        <v>0</v>
      </c>
      <c r="J37" s="41">
        <v>0</v>
      </c>
      <c r="K37" s="41">
        <v>0</v>
      </c>
      <c r="L37" s="41">
        <v>55000</v>
      </c>
      <c r="M37" s="41">
        <v>80440.843899999993</v>
      </c>
      <c r="N37" s="41">
        <v>122871.1675</v>
      </c>
      <c r="O37" s="41">
        <v>67676.988600000012</v>
      </c>
      <c r="P37" s="41">
        <v>11202.8</v>
      </c>
      <c r="Q37" s="41">
        <v>0</v>
      </c>
      <c r="R37" s="41">
        <v>0</v>
      </c>
      <c r="S37" s="41">
        <v>0</v>
      </c>
      <c r="T37" s="41">
        <v>0</v>
      </c>
      <c r="U37" s="41">
        <v>0</v>
      </c>
      <c r="V37" s="41">
        <v>0</v>
      </c>
    </row>
    <row r="38" spans="1:22">
      <c r="A38" s="48" t="s">
        <v>78</v>
      </c>
      <c r="B38" s="50">
        <v>4770.1000000000004</v>
      </c>
      <c r="C38" s="44">
        <v>0</v>
      </c>
      <c r="D38" s="44">
        <v>0</v>
      </c>
      <c r="E38" s="44">
        <v>0</v>
      </c>
      <c r="F38" s="44">
        <v>0</v>
      </c>
      <c r="G38" s="44">
        <v>0</v>
      </c>
      <c r="H38" s="44">
        <v>0</v>
      </c>
      <c r="I38" s="44">
        <v>0</v>
      </c>
      <c r="J38" s="44">
        <v>0</v>
      </c>
      <c r="K38" s="44">
        <v>0</v>
      </c>
      <c r="L38" s="44">
        <v>0</v>
      </c>
      <c r="M38" s="44"/>
      <c r="N38" s="44"/>
      <c r="O38" s="44"/>
      <c r="P38" s="44"/>
      <c r="Q38" s="44"/>
      <c r="R38" s="44"/>
      <c r="S38" s="44"/>
      <c r="T38" s="44"/>
      <c r="U38" s="44"/>
      <c r="V38" s="44"/>
    </row>
    <row r="39" spans="1:22">
      <c r="A39" s="49" t="s">
        <v>79</v>
      </c>
      <c r="B39" s="41">
        <v>70516.424275367899</v>
      </c>
      <c r="C39" s="40">
        <v>0</v>
      </c>
      <c r="D39" s="40">
        <v>0</v>
      </c>
      <c r="E39" s="40">
        <v>0</v>
      </c>
      <c r="F39" s="40">
        <v>0</v>
      </c>
      <c r="G39" s="40">
        <v>0</v>
      </c>
      <c r="H39" s="40">
        <v>0</v>
      </c>
      <c r="I39" s="40">
        <v>0</v>
      </c>
      <c r="J39" s="40">
        <v>0</v>
      </c>
      <c r="K39" s="40">
        <v>0</v>
      </c>
      <c r="L39" s="46">
        <v>0</v>
      </c>
      <c r="M39" s="46">
        <v>0</v>
      </c>
      <c r="N39" s="46">
        <v>0</v>
      </c>
      <c r="O39" s="46">
        <v>0</v>
      </c>
      <c r="P39" s="46">
        <v>0</v>
      </c>
      <c r="Q39" s="46">
        <v>0</v>
      </c>
      <c r="R39" s="46">
        <v>0</v>
      </c>
      <c r="S39" s="46">
        <v>0</v>
      </c>
      <c r="T39" s="46">
        <v>0</v>
      </c>
      <c r="U39" s="46">
        <v>0</v>
      </c>
      <c r="V39" s="46">
        <v>-70516.424275367899</v>
      </c>
    </row>
    <row r="40" spans="1:22">
      <c r="A40" s="40"/>
      <c r="B40" s="40"/>
      <c r="C40" s="40"/>
      <c r="D40" s="40"/>
      <c r="E40" s="40"/>
      <c r="F40" s="40"/>
      <c r="G40" s="40"/>
      <c r="H40" s="40"/>
      <c r="I40" s="40"/>
      <c r="J40" s="40"/>
      <c r="K40" s="40"/>
      <c r="L40" s="40"/>
      <c r="M40" s="40"/>
      <c r="N40" s="40"/>
      <c r="O40" s="40"/>
      <c r="P40" s="40"/>
      <c r="Q40" s="40"/>
      <c r="R40" s="40"/>
      <c r="S40" s="40"/>
      <c r="T40" s="40"/>
      <c r="U40" s="40"/>
      <c r="V40" s="40"/>
    </row>
    <row r="41" spans="1:22">
      <c r="A41" s="44" t="s">
        <v>80</v>
      </c>
      <c r="B41" s="45">
        <v>0</v>
      </c>
      <c r="C41" s="45">
        <v>21946.511250000003</v>
      </c>
      <c r="D41" s="45">
        <v>21946.511250000003</v>
      </c>
      <c r="E41" s="45">
        <v>21946.511250000003</v>
      </c>
      <c r="F41" s="45">
        <v>21946.511250000003</v>
      </c>
      <c r="G41" s="45">
        <v>21946.511250000003</v>
      </c>
      <c r="H41" s="45">
        <v>21946.511250000003</v>
      </c>
      <c r="I41" s="45">
        <v>21946.511250000003</v>
      </c>
      <c r="J41" s="45">
        <v>21946.511250000003</v>
      </c>
      <c r="K41" s="45">
        <v>21946.511250000003</v>
      </c>
      <c r="L41" s="45">
        <v>21946.511250000003</v>
      </c>
      <c r="M41" s="45">
        <v>21946.511250000003</v>
      </c>
      <c r="N41" s="45">
        <v>21946.511250000003</v>
      </c>
      <c r="O41" s="45">
        <v>21946.511250000003</v>
      </c>
      <c r="P41" s="45">
        <v>21946.511250000003</v>
      </c>
      <c r="Q41" s="45">
        <v>21946.511250000003</v>
      </c>
      <c r="R41" s="45">
        <v>21946.511250000003</v>
      </c>
      <c r="S41" s="45">
        <v>21946.511250000003</v>
      </c>
      <c r="T41" s="45">
        <v>21946.511250000003</v>
      </c>
      <c r="U41" s="45">
        <v>21946.511250000003</v>
      </c>
      <c r="V41" s="45">
        <v>1494862.9253108334</v>
      </c>
    </row>
    <row r="42" spans="1:22">
      <c r="A42" s="40" t="s">
        <v>81</v>
      </c>
      <c r="B42" s="40"/>
      <c r="C42" s="46">
        <v>21946.511250000003</v>
      </c>
      <c r="D42" s="46">
        <v>21946.511250000003</v>
      </c>
      <c r="E42" s="46">
        <v>21946.511250000003</v>
      </c>
      <c r="F42" s="46">
        <v>21946.511250000003</v>
      </c>
      <c r="G42" s="46">
        <v>21946.511250000003</v>
      </c>
      <c r="H42" s="46">
        <v>21946.511250000003</v>
      </c>
      <c r="I42" s="46">
        <v>21946.511250000003</v>
      </c>
      <c r="J42" s="46">
        <v>21946.511250000003</v>
      </c>
      <c r="K42" s="46">
        <v>21946.511250000003</v>
      </c>
      <c r="L42" s="46">
        <v>21946.511250000003</v>
      </c>
      <c r="M42" s="46">
        <v>21946.511250000003</v>
      </c>
      <c r="N42" s="46">
        <v>21946.511250000003</v>
      </c>
      <c r="O42" s="46">
        <v>21946.511250000003</v>
      </c>
      <c r="P42" s="46">
        <v>21946.511250000003</v>
      </c>
      <c r="Q42" s="46">
        <v>21946.511250000003</v>
      </c>
      <c r="R42" s="46">
        <v>21946.511250000003</v>
      </c>
      <c r="S42" s="46">
        <v>21946.511250000003</v>
      </c>
      <c r="T42" s="46">
        <v>21946.511250000003</v>
      </c>
      <c r="U42" s="46">
        <v>21946.511250000003</v>
      </c>
      <c r="V42" s="46">
        <v>1492318.8719775002</v>
      </c>
    </row>
    <row r="43" spans="1:22">
      <c r="A43" s="44" t="s">
        <v>82</v>
      </c>
      <c r="B43" s="44"/>
      <c r="C43" s="44">
        <v>0</v>
      </c>
      <c r="D43" s="44">
        <v>0</v>
      </c>
      <c r="E43" s="44">
        <v>0</v>
      </c>
      <c r="F43" s="44">
        <v>0</v>
      </c>
      <c r="G43" s="44">
        <v>0</v>
      </c>
      <c r="H43" s="44">
        <v>0</v>
      </c>
      <c r="I43" s="44">
        <v>0</v>
      </c>
      <c r="J43" s="44">
        <v>0</v>
      </c>
      <c r="K43" s="44">
        <v>0</v>
      </c>
      <c r="L43" s="45">
        <v>0</v>
      </c>
      <c r="M43" s="44">
        <v>0</v>
      </c>
      <c r="N43" s="45">
        <v>0</v>
      </c>
      <c r="O43" s="44">
        <v>0</v>
      </c>
      <c r="P43" s="44">
        <v>0</v>
      </c>
      <c r="Q43" s="44">
        <v>0</v>
      </c>
      <c r="R43" s="44">
        <v>0</v>
      </c>
      <c r="S43" s="44">
        <v>0</v>
      </c>
      <c r="T43" s="44">
        <v>0</v>
      </c>
      <c r="U43" s="44">
        <v>0</v>
      </c>
      <c r="V43" s="44">
        <v>2544.0533333333337</v>
      </c>
    </row>
    <row r="44" spans="1:22">
      <c r="A44" s="40"/>
      <c r="B44" s="40"/>
      <c r="C44" s="40"/>
      <c r="D44" s="40"/>
      <c r="E44" s="40"/>
      <c r="F44" s="40"/>
      <c r="G44" s="40"/>
      <c r="H44" s="40"/>
      <c r="I44" s="40"/>
      <c r="J44" s="40"/>
      <c r="K44" s="40"/>
      <c r="L44" s="40"/>
      <c r="M44" s="40"/>
      <c r="N44" s="40"/>
      <c r="O44" s="40"/>
      <c r="P44" s="40"/>
      <c r="Q44" s="40"/>
      <c r="R44" s="40"/>
      <c r="S44" s="40"/>
      <c r="T44" s="40"/>
      <c r="U44" s="40"/>
      <c r="V44" s="40"/>
    </row>
    <row r="45" spans="1:22">
      <c r="A45" s="52" t="s">
        <v>83</v>
      </c>
      <c r="B45" s="53">
        <v>-2328705.4354253686</v>
      </c>
      <c r="C45" s="53">
        <v>138558.04126832963</v>
      </c>
      <c r="D45" s="53">
        <v>139597.37505832969</v>
      </c>
      <c r="E45" s="53">
        <v>234508.0071831297</v>
      </c>
      <c r="F45" s="53">
        <v>321972.55618312978</v>
      </c>
      <c r="G45" s="53">
        <v>368289.77418312978</v>
      </c>
      <c r="H45" s="53">
        <v>282448.85032927978</v>
      </c>
      <c r="I45" s="53">
        <v>274093.61093927978</v>
      </c>
      <c r="J45" s="53">
        <v>269491.57571447978</v>
      </c>
      <c r="K45" s="53">
        <v>268729.78531447984</v>
      </c>
      <c r="L45" s="53">
        <v>217469.78531447987</v>
      </c>
      <c r="M45" s="53">
        <v>202384.76679967975</v>
      </c>
      <c r="N45" s="53">
        <v>168309.68258967975</v>
      </c>
      <c r="O45" s="53">
        <v>228105.89671447969</v>
      </c>
      <c r="P45" s="53">
        <v>280456.02771447971</v>
      </c>
      <c r="Q45" s="53">
        <v>287918.82771447976</v>
      </c>
      <c r="R45" s="53">
        <v>282448.85032927978</v>
      </c>
      <c r="S45" s="53">
        <v>274093.61093927978</v>
      </c>
      <c r="T45" s="53">
        <v>269491.57571447978</v>
      </c>
      <c r="U45" s="53">
        <v>268729.78531447984</v>
      </c>
      <c r="V45" s="53">
        <v>1812162.6236506812</v>
      </c>
    </row>
    <row r="46" spans="1:22">
      <c r="A46" s="40"/>
      <c r="B46" s="46"/>
      <c r="C46" s="46"/>
      <c r="D46" s="46"/>
      <c r="E46" s="46"/>
      <c r="F46" s="46"/>
      <c r="G46" s="46"/>
      <c r="H46" s="46"/>
      <c r="I46" s="46"/>
      <c r="J46" s="46"/>
      <c r="K46" s="46"/>
      <c r="L46" s="46"/>
      <c r="M46" s="46"/>
      <c r="N46" s="46"/>
      <c r="O46" s="46"/>
      <c r="P46" s="46"/>
      <c r="Q46" s="46"/>
      <c r="R46" s="46"/>
      <c r="S46" s="46"/>
      <c r="T46" s="46"/>
      <c r="U46" s="46"/>
      <c r="V46" s="40"/>
    </row>
    <row r="47" spans="1:22">
      <c r="A47" s="39"/>
      <c r="B47" s="40"/>
      <c r="C47" s="40"/>
      <c r="D47" s="40"/>
      <c r="E47" s="40"/>
      <c r="F47" s="40"/>
      <c r="G47" s="40"/>
      <c r="H47" s="40"/>
      <c r="I47" s="40"/>
      <c r="J47" s="40"/>
      <c r="K47" s="40"/>
      <c r="L47" s="40"/>
      <c r="M47" s="40"/>
      <c r="N47" s="40"/>
      <c r="O47" s="40"/>
      <c r="P47" s="40"/>
      <c r="Q47" s="40"/>
      <c r="R47" s="40"/>
      <c r="S47" s="40"/>
      <c r="T47" s="40"/>
      <c r="U47" s="40"/>
      <c r="V47" s="40"/>
    </row>
    <row r="48" spans="1:22">
      <c r="A48" s="40"/>
      <c r="B48" s="41"/>
      <c r="C48" s="41"/>
      <c r="D48" s="41"/>
      <c r="E48" s="41"/>
      <c r="F48" s="41"/>
      <c r="G48" s="41"/>
      <c r="H48" s="41"/>
      <c r="I48" s="41"/>
      <c r="J48" s="41"/>
      <c r="K48" s="41"/>
      <c r="L48" s="41"/>
      <c r="M48" s="41"/>
      <c r="N48" s="41"/>
      <c r="O48" s="41"/>
      <c r="P48" s="41"/>
      <c r="Q48" s="41"/>
      <c r="R48" s="41"/>
      <c r="S48" s="41"/>
      <c r="T48" s="41"/>
      <c r="U48" s="41"/>
      <c r="V48" s="41"/>
    </row>
    <row r="49" spans="1:22" ht="12" thickBot="1"/>
    <row r="50" spans="1:22" ht="16.5" thickBot="1">
      <c r="A50" s="117" t="s">
        <v>58</v>
      </c>
      <c r="B50" s="118">
        <v>9.8500000000000004E-2</v>
      </c>
      <c r="C50" s="40"/>
      <c r="D50" s="40"/>
      <c r="E50" s="40"/>
      <c r="F50" s="40"/>
      <c r="G50" s="40"/>
      <c r="H50" s="40"/>
      <c r="I50" s="40"/>
      <c r="J50" s="40"/>
      <c r="K50" s="40"/>
      <c r="L50" s="40"/>
      <c r="M50" s="40"/>
      <c r="N50" s="40"/>
      <c r="O50" s="40"/>
      <c r="P50" s="40"/>
      <c r="Q50" s="40"/>
      <c r="R50" s="40"/>
      <c r="S50" s="40"/>
      <c r="T50" s="40"/>
      <c r="U50" s="40"/>
      <c r="V50" s="40"/>
    </row>
    <row r="51" spans="1:22">
      <c r="A51" s="40"/>
      <c r="B51" s="55"/>
      <c r="C51" s="40"/>
      <c r="D51" s="40"/>
      <c r="E51" s="40"/>
      <c r="F51" s="40"/>
      <c r="G51" s="40"/>
      <c r="H51" s="40"/>
      <c r="I51" s="40"/>
      <c r="J51" s="40"/>
      <c r="K51" s="40"/>
      <c r="L51" s="40"/>
      <c r="M51" s="56"/>
      <c r="N51" s="40"/>
      <c r="O51" s="40"/>
      <c r="P51" s="40"/>
      <c r="Q51" s="40"/>
      <c r="R51" s="40"/>
      <c r="S51" s="40"/>
      <c r="T51" s="40"/>
      <c r="U51" s="40"/>
      <c r="V51" s="40"/>
    </row>
    <row r="52" spans="1:22">
      <c r="A52" s="40"/>
      <c r="B52" s="55"/>
      <c r="C52" s="40"/>
      <c r="D52" s="40"/>
      <c r="E52" s="40"/>
      <c r="F52" s="40"/>
      <c r="G52" s="40"/>
      <c r="H52" s="40"/>
      <c r="I52" s="40"/>
      <c r="J52" s="40"/>
      <c r="K52" s="40"/>
      <c r="L52" s="40"/>
      <c r="M52" s="56"/>
      <c r="N52" s="40"/>
      <c r="O52" s="40"/>
      <c r="P52" s="40"/>
      <c r="Q52" s="40"/>
      <c r="R52" s="40"/>
      <c r="S52" s="40"/>
      <c r="T52" s="40"/>
      <c r="U52" s="40"/>
      <c r="V52" s="40"/>
    </row>
    <row r="53" spans="1:22">
      <c r="A53" s="40"/>
      <c r="B53" s="40"/>
      <c r="C53" s="40"/>
      <c r="D53" s="40"/>
      <c r="E53" s="40"/>
      <c r="F53" s="40"/>
      <c r="G53" s="40"/>
      <c r="H53" s="40"/>
      <c r="I53" s="40"/>
      <c r="J53" s="40"/>
      <c r="K53" s="40"/>
      <c r="L53" s="40"/>
      <c r="M53" s="40"/>
      <c r="N53" s="40"/>
      <c r="O53" s="40"/>
      <c r="P53" s="40"/>
      <c r="Q53" s="40"/>
      <c r="R53" s="40"/>
      <c r="S53" s="40"/>
      <c r="T53" s="40"/>
      <c r="U53" s="40"/>
      <c r="V53" s="40"/>
    </row>
    <row r="54" spans="1:22" ht="18">
      <c r="A54" s="116" t="s">
        <v>115</v>
      </c>
      <c r="B54" s="40"/>
      <c r="C54" s="40"/>
      <c r="D54" s="40"/>
      <c r="E54" s="40"/>
      <c r="F54" s="40"/>
      <c r="G54" s="40"/>
      <c r="H54" s="40"/>
      <c r="I54" s="40"/>
      <c r="J54" s="40"/>
      <c r="K54" s="40"/>
      <c r="L54" s="40"/>
      <c r="M54" s="40"/>
      <c r="N54" s="40"/>
      <c r="O54" s="40"/>
      <c r="P54" s="40"/>
      <c r="Q54" s="40"/>
      <c r="R54" s="40"/>
      <c r="S54" s="40"/>
      <c r="T54" s="40"/>
      <c r="U54" s="40"/>
      <c r="V54" s="40"/>
    </row>
    <row r="55" spans="1:22">
      <c r="A55" s="57" t="s">
        <v>84</v>
      </c>
      <c r="B55" s="58"/>
      <c r="C55" s="59">
        <v>355862.30778583343</v>
      </c>
      <c r="D55" s="60">
        <v>483714.24128583341</v>
      </c>
      <c r="E55" s="60">
        <v>600527.33900583338</v>
      </c>
      <c r="F55" s="60">
        <v>706045.59900583327</v>
      </c>
      <c r="G55" s="60">
        <v>809323.29900583322</v>
      </c>
      <c r="H55" s="60">
        <v>556849.99355333333</v>
      </c>
      <c r="I55" s="60">
        <v>532275.76005333336</v>
      </c>
      <c r="J55" s="60">
        <v>518740.36233333335</v>
      </c>
      <c r="K55" s="60">
        <v>516499.80233333335</v>
      </c>
      <c r="L55" s="60">
        <v>527499.8023333333</v>
      </c>
      <c r="M55" s="60">
        <v>543587.97111333336</v>
      </c>
      <c r="N55" s="60">
        <v>568162.20461333334</v>
      </c>
      <c r="O55" s="60">
        <v>581697.60233333334</v>
      </c>
      <c r="P55" s="60">
        <v>583938.1623333334</v>
      </c>
      <c r="Q55" s="60">
        <v>572938.1623333334</v>
      </c>
      <c r="R55" s="60">
        <v>556849.99355333333</v>
      </c>
      <c r="S55" s="60">
        <v>532275.76005333336</v>
      </c>
      <c r="T55" s="60">
        <v>518740.36233333335</v>
      </c>
      <c r="U55" s="60">
        <v>516499.80233333335</v>
      </c>
      <c r="V55" s="61">
        <v>516499.80233333335</v>
      </c>
    </row>
    <row r="56" spans="1:22">
      <c r="A56" s="62" t="s">
        <v>85</v>
      </c>
      <c r="B56" s="63"/>
      <c r="C56" s="65">
        <v>333062.83667250007</v>
      </c>
      <c r="D56" s="65">
        <v>436340.53667250008</v>
      </c>
      <c r="E56" s="65">
        <v>539618.23667250003</v>
      </c>
      <c r="F56" s="65">
        <v>642895.93667249999</v>
      </c>
      <c r="G56" s="65">
        <v>746173.63667249994</v>
      </c>
      <c r="H56" s="65">
        <v>516388.5</v>
      </c>
      <c r="I56" s="65">
        <v>516388.5</v>
      </c>
      <c r="J56" s="65">
        <v>516388.5</v>
      </c>
      <c r="K56" s="65">
        <v>516388.5</v>
      </c>
      <c r="L56" s="65">
        <v>516388.5</v>
      </c>
      <c r="M56" s="65">
        <v>516388.5</v>
      </c>
      <c r="N56" s="65">
        <v>516388.5</v>
      </c>
      <c r="O56" s="65">
        <v>516388.5</v>
      </c>
      <c r="P56" s="65">
        <v>516388.5</v>
      </c>
      <c r="Q56" s="65">
        <v>516388.5</v>
      </c>
      <c r="R56" s="65">
        <v>516388.5</v>
      </c>
      <c r="S56" s="65">
        <v>516388.5</v>
      </c>
      <c r="T56" s="65">
        <v>516388.5</v>
      </c>
      <c r="U56" s="65">
        <v>516388.5</v>
      </c>
      <c r="V56" s="66">
        <v>516388.5</v>
      </c>
    </row>
    <row r="57" spans="1:22">
      <c r="A57" s="67" t="s">
        <v>86</v>
      </c>
      <c r="B57" s="40"/>
      <c r="C57" s="41">
        <v>111.30233333333334</v>
      </c>
      <c r="D57" s="41">
        <v>111.30233333333334</v>
      </c>
      <c r="E57" s="41">
        <v>111.30233333333334</v>
      </c>
      <c r="F57" s="41">
        <v>111.30233333333334</v>
      </c>
      <c r="G57" s="41">
        <v>111.30233333333334</v>
      </c>
      <c r="H57" s="41">
        <v>111.30233333333334</v>
      </c>
      <c r="I57" s="41">
        <v>111.30233333333334</v>
      </c>
      <c r="J57" s="41">
        <v>111.30233333333334</v>
      </c>
      <c r="K57" s="41">
        <v>111.30233333333334</v>
      </c>
      <c r="L57" s="41">
        <v>111.30233333333334</v>
      </c>
      <c r="M57" s="41">
        <v>111.30233333333334</v>
      </c>
      <c r="N57" s="41">
        <v>111.30233333333334</v>
      </c>
      <c r="O57" s="41">
        <v>111.30233333333334</v>
      </c>
      <c r="P57" s="41">
        <v>111.30233333333334</v>
      </c>
      <c r="Q57" s="41">
        <v>111.30233333333334</v>
      </c>
      <c r="R57" s="41">
        <v>111.30233333333334</v>
      </c>
      <c r="S57" s="41">
        <v>111.30233333333334</v>
      </c>
      <c r="T57" s="41">
        <v>111.30233333333334</v>
      </c>
      <c r="U57" s="41">
        <v>111.30233333333334</v>
      </c>
      <c r="V57" s="41">
        <v>111.30233333333334</v>
      </c>
    </row>
    <row r="58" spans="1:22">
      <c r="A58" s="70" t="s">
        <v>87</v>
      </c>
      <c r="B58" s="71"/>
      <c r="C58" s="73">
        <v>22688.16878</v>
      </c>
      <c r="D58" s="73">
        <v>47262.402279999995</v>
      </c>
      <c r="E58" s="73">
        <v>60797.799999999996</v>
      </c>
      <c r="F58" s="73">
        <v>63038.359999999993</v>
      </c>
      <c r="G58" s="73">
        <v>63038.359999999993</v>
      </c>
      <c r="H58" s="73">
        <v>40350.191220000001</v>
      </c>
      <c r="I58" s="73">
        <v>15775.957720000002</v>
      </c>
      <c r="J58" s="73">
        <v>2240.56</v>
      </c>
      <c r="K58" s="73">
        <v>0</v>
      </c>
      <c r="L58" s="73">
        <v>11000</v>
      </c>
      <c r="M58" s="73">
        <v>27088.16878</v>
      </c>
      <c r="N58" s="73">
        <v>51662.402279999995</v>
      </c>
      <c r="O58" s="73">
        <v>65197.8</v>
      </c>
      <c r="P58" s="73">
        <v>67438.36</v>
      </c>
      <c r="Q58" s="73">
        <v>56438.36</v>
      </c>
      <c r="R58" s="73">
        <v>40350.191220000001</v>
      </c>
      <c r="S58" s="73">
        <v>15775.957720000002</v>
      </c>
      <c r="T58" s="73">
        <v>2240.56</v>
      </c>
      <c r="U58" s="73">
        <v>0</v>
      </c>
      <c r="V58" s="74">
        <v>0</v>
      </c>
    </row>
    <row r="88" spans="11:11" ht="12.75">
      <c r="K88" s="119" t="s">
        <v>132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>
  <sheetPr codeName="Plan15"/>
  <dimension ref="A1:V88"/>
  <sheetViews>
    <sheetView view="pageBreakPreview" topLeftCell="A46" zoomScale="80" zoomScaleNormal="100" zoomScaleSheetLayoutView="80" workbookViewId="0">
      <selection activeCell="K88" sqref="K88"/>
    </sheetView>
  </sheetViews>
  <sheetFormatPr defaultRowHeight="11.25"/>
  <cols>
    <col min="1" max="1" width="34.85546875" style="2" customWidth="1"/>
    <col min="2" max="2" width="11" style="2" bestFit="1" customWidth="1"/>
    <col min="3" max="3" width="11.42578125" style="2" bestFit="1" customWidth="1"/>
    <col min="4" max="22" width="10.5703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18">
      <c r="A1" s="93" t="s">
        <v>91</v>
      </c>
    </row>
    <row r="4" spans="1:22" ht="18">
      <c r="A4" s="93" t="s">
        <v>112</v>
      </c>
    </row>
    <row r="5" spans="1:22" ht="15.75">
      <c r="A5" s="105" t="s">
        <v>117</v>
      </c>
    </row>
    <row r="6" spans="1:22" ht="15.75">
      <c r="A6" s="105" t="s">
        <v>113</v>
      </c>
    </row>
    <row r="7" spans="1:22" ht="12.75">
      <c r="A7" s="106" t="s">
        <v>57</v>
      </c>
      <c r="B7" s="107"/>
      <c r="C7" s="108">
        <v>10</v>
      </c>
    </row>
    <row r="8" spans="1:22" ht="12.75">
      <c r="A8" s="109" t="s">
        <v>59</v>
      </c>
      <c r="B8" s="110"/>
      <c r="C8" s="122">
        <v>55572.502377075893</v>
      </c>
    </row>
    <row r="9" spans="1:22" ht="12.75">
      <c r="A9" s="112"/>
      <c r="B9" s="112"/>
      <c r="C9" s="113"/>
    </row>
    <row r="10" spans="1:22" ht="12.75">
      <c r="A10" s="106" t="s">
        <v>60</v>
      </c>
      <c r="B10" s="107"/>
      <c r="C10" s="114">
        <v>43749.17522738214</v>
      </c>
    </row>
    <row r="11" spans="1:22" ht="12.75">
      <c r="A11" s="106" t="s">
        <v>61</v>
      </c>
      <c r="B11" s="107"/>
      <c r="C11" s="114">
        <v>15499.031283999999</v>
      </c>
    </row>
    <row r="12" spans="1:22" ht="12.75">
      <c r="A12" s="106" t="s">
        <v>62</v>
      </c>
      <c r="B12" s="107"/>
      <c r="C12" s="115">
        <v>28250.14394338214</v>
      </c>
    </row>
    <row r="13" spans="1:22" ht="12.75">
      <c r="A13" s="106" t="s">
        <v>63</v>
      </c>
      <c r="B13" s="107"/>
      <c r="C13" s="114">
        <v>22782.481516799999</v>
      </c>
    </row>
    <row r="14" spans="1:22">
      <c r="A14" s="40"/>
      <c r="B14" s="40"/>
      <c r="C14" s="41"/>
    </row>
    <row r="15" spans="1:22" ht="18">
      <c r="A15" s="116" t="s">
        <v>114</v>
      </c>
      <c r="C15" s="41"/>
      <c r="D15" s="75"/>
      <c r="V15" s="42" t="s">
        <v>64</v>
      </c>
    </row>
    <row r="16" spans="1:22">
      <c r="A16" s="43"/>
      <c r="B16" s="43" t="s">
        <v>3</v>
      </c>
      <c r="C16" s="43" t="s">
        <v>4</v>
      </c>
      <c r="D16" s="43" t="s">
        <v>5</v>
      </c>
      <c r="E16" s="43" t="s">
        <v>6</v>
      </c>
      <c r="F16" s="43" t="s">
        <v>7</v>
      </c>
      <c r="G16" s="43" t="s">
        <v>8</v>
      </c>
      <c r="H16" s="43" t="s">
        <v>9</v>
      </c>
      <c r="I16" s="43" t="s">
        <v>10</v>
      </c>
      <c r="J16" s="43" t="s">
        <v>11</v>
      </c>
      <c r="K16" s="43" t="s">
        <v>12</v>
      </c>
      <c r="L16" s="43" t="s">
        <v>13</v>
      </c>
      <c r="M16" s="43" t="s">
        <v>14</v>
      </c>
      <c r="N16" s="43" t="s">
        <v>15</v>
      </c>
      <c r="O16" s="43" t="s">
        <v>16</v>
      </c>
      <c r="P16" s="43" t="s">
        <v>17</v>
      </c>
      <c r="Q16" s="43" t="s">
        <v>18</v>
      </c>
      <c r="R16" s="43" t="s">
        <v>19</v>
      </c>
      <c r="S16" s="43" t="s">
        <v>20</v>
      </c>
      <c r="T16" s="43" t="s">
        <v>21</v>
      </c>
      <c r="U16" s="43" t="s">
        <v>22</v>
      </c>
      <c r="V16" s="43" t="s">
        <v>23</v>
      </c>
    </row>
    <row r="17" spans="1:22">
      <c r="A17" s="40" t="s">
        <v>65</v>
      </c>
      <c r="B17" s="40"/>
      <c r="C17" s="41">
        <v>6668700.2852491066</v>
      </c>
      <c r="D17" s="41">
        <v>6668700.2852491066</v>
      </c>
      <c r="E17" s="41">
        <v>6668700.2852491066</v>
      </c>
      <c r="F17" s="41">
        <v>6668700.2852491066</v>
      </c>
      <c r="G17" s="41">
        <v>6668700.2852491066</v>
      </c>
      <c r="H17" s="41">
        <v>6668700.2852491066</v>
      </c>
      <c r="I17" s="41">
        <v>6668700.2852491066</v>
      </c>
      <c r="J17" s="41">
        <v>6668700.2852491066</v>
      </c>
      <c r="K17" s="41">
        <v>6668700.2852491066</v>
      </c>
      <c r="L17" s="41">
        <v>6668700.2852491066</v>
      </c>
      <c r="M17" s="41">
        <v>6668700.2852491066</v>
      </c>
      <c r="N17" s="41">
        <v>6668700.2852491066</v>
      </c>
      <c r="O17" s="41">
        <v>6668700.2852491066</v>
      </c>
      <c r="P17" s="41">
        <v>6668700.2852491066</v>
      </c>
      <c r="Q17" s="41">
        <v>6668700.2852491066</v>
      </c>
      <c r="R17" s="41">
        <v>6668700.2852491066</v>
      </c>
      <c r="S17" s="41">
        <v>6668700.2852491066</v>
      </c>
      <c r="T17" s="41">
        <v>6668700.2852491066</v>
      </c>
      <c r="U17" s="41">
        <v>6668700.2852491066</v>
      </c>
      <c r="V17" s="41">
        <v>6668700.2852491066</v>
      </c>
    </row>
    <row r="18" spans="1:22">
      <c r="A18" s="44" t="s">
        <v>66</v>
      </c>
      <c r="B18" s="44"/>
      <c r="C18" s="45">
        <v>133374.00570498215</v>
      </c>
      <c r="D18" s="45">
        <v>133374.00570498215</v>
      </c>
      <c r="E18" s="45">
        <v>133374.00570498215</v>
      </c>
      <c r="F18" s="45">
        <v>133374.00570498215</v>
      </c>
      <c r="G18" s="45">
        <v>133374.00570498215</v>
      </c>
      <c r="H18" s="45">
        <v>133374.00570498215</v>
      </c>
      <c r="I18" s="45">
        <v>133374.00570498215</v>
      </c>
      <c r="J18" s="45">
        <v>133374.00570498215</v>
      </c>
      <c r="K18" s="45">
        <v>133374.00570498215</v>
      </c>
      <c r="L18" s="45">
        <v>133374.00570498215</v>
      </c>
      <c r="M18" s="45">
        <v>133374.00570498215</v>
      </c>
      <c r="N18" s="45">
        <v>133374.00570498215</v>
      </c>
      <c r="O18" s="45">
        <v>133374.00570498215</v>
      </c>
      <c r="P18" s="45">
        <v>133374.00570498215</v>
      </c>
      <c r="Q18" s="45">
        <v>133374.00570498215</v>
      </c>
      <c r="R18" s="45">
        <v>133374.00570498215</v>
      </c>
      <c r="S18" s="45">
        <v>133374.00570498215</v>
      </c>
      <c r="T18" s="45">
        <v>133374.00570498215</v>
      </c>
      <c r="U18" s="45">
        <v>133374.00570498215</v>
      </c>
      <c r="V18" s="45">
        <v>133374.00570498215</v>
      </c>
    </row>
    <row r="19" spans="1:22">
      <c r="A19" s="40" t="s">
        <v>67</v>
      </c>
      <c r="B19" s="40"/>
      <c r="C19" s="46">
        <v>6535326.2795441244</v>
      </c>
      <c r="D19" s="46">
        <v>6535326.2795441244</v>
      </c>
      <c r="E19" s="46">
        <v>6535326.2795441244</v>
      </c>
      <c r="F19" s="46">
        <v>6535326.2795441244</v>
      </c>
      <c r="G19" s="46">
        <v>6535326.2795441244</v>
      </c>
      <c r="H19" s="46">
        <v>6535326.2795441244</v>
      </c>
      <c r="I19" s="46">
        <v>6535326.2795441244</v>
      </c>
      <c r="J19" s="46">
        <v>6535326.2795441244</v>
      </c>
      <c r="K19" s="46">
        <v>6535326.2795441244</v>
      </c>
      <c r="L19" s="46">
        <v>6535326.2795441244</v>
      </c>
      <c r="M19" s="46">
        <v>6535326.2795441244</v>
      </c>
      <c r="N19" s="46">
        <v>6535326.2795441244</v>
      </c>
      <c r="O19" s="46">
        <v>6535326.2795441244</v>
      </c>
      <c r="P19" s="46">
        <v>6535326.2795441244</v>
      </c>
      <c r="Q19" s="46">
        <v>6535326.2795441244</v>
      </c>
      <c r="R19" s="46">
        <v>6535326.2795441244</v>
      </c>
      <c r="S19" s="46">
        <v>6535326.2795441244</v>
      </c>
      <c r="T19" s="46">
        <v>6535326.2795441244</v>
      </c>
      <c r="U19" s="46">
        <v>6535326.2795441244</v>
      </c>
      <c r="V19" s="46">
        <v>6535326.2795441244</v>
      </c>
    </row>
    <row r="20" spans="1:22">
      <c r="A20" s="40"/>
      <c r="B20" s="40"/>
      <c r="C20" s="40"/>
      <c r="D20" s="40"/>
      <c r="E20" s="40"/>
      <c r="F20" s="40"/>
      <c r="G20" s="40"/>
      <c r="H20" s="40"/>
      <c r="I20" s="40"/>
      <c r="J20" s="40"/>
      <c r="K20" s="40"/>
      <c r="L20" s="40"/>
      <c r="M20" s="40"/>
      <c r="N20" s="40"/>
      <c r="O20" s="40"/>
      <c r="P20" s="40"/>
      <c r="Q20" s="40"/>
      <c r="R20" s="40"/>
      <c r="S20" s="40"/>
      <c r="T20" s="40"/>
      <c r="U20" s="40"/>
      <c r="V20" s="40"/>
    </row>
    <row r="21" spans="1:22">
      <c r="A21" s="44" t="s">
        <v>68</v>
      </c>
      <c r="B21" s="44"/>
      <c r="C21" s="45">
        <v>5484729.0424538571</v>
      </c>
      <c r="D21" s="45">
        <v>5484729.0424538571</v>
      </c>
      <c r="E21" s="45">
        <v>5484729.0424538571</v>
      </c>
      <c r="F21" s="45">
        <v>5492131.842453857</v>
      </c>
      <c r="G21" s="45">
        <v>5492131.842453857</v>
      </c>
      <c r="H21" s="45">
        <v>5492131.842453857</v>
      </c>
      <c r="I21" s="45">
        <v>5492131.842453857</v>
      </c>
      <c r="J21" s="45">
        <v>5492131.842453857</v>
      </c>
      <c r="K21" s="45">
        <v>5492131.842453857</v>
      </c>
      <c r="L21" s="45">
        <v>5492131.842453857</v>
      </c>
      <c r="M21" s="47">
        <v>5484729.0424538571</v>
      </c>
      <c r="N21" s="47">
        <v>5484729.0424538571</v>
      </c>
      <c r="O21" s="47">
        <v>5484729.0424538571</v>
      </c>
      <c r="P21" s="47">
        <v>5492131.842453857</v>
      </c>
      <c r="Q21" s="47">
        <v>5492131.842453857</v>
      </c>
      <c r="R21" s="47">
        <v>5492131.842453857</v>
      </c>
      <c r="S21" s="47">
        <v>5492131.842453857</v>
      </c>
      <c r="T21" s="47">
        <v>5492131.842453857</v>
      </c>
      <c r="U21" s="47">
        <v>5492131.842453857</v>
      </c>
      <c r="V21" s="47">
        <v>5492131.842453857</v>
      </c>
    </row>
    <row r="22" spans="1:22">
      <c r="A22" s="40"/>
      <c r="B22" s="40"/>
      <c r="C22" s="40"/>
      <c r="D22" s="40"/>
      <c r="E22" s="40"/>
      <c r="F22" s="40"/>
      <c r="G22" s="40"/>
      <c r="H22" s="40"/>
      <c r="I22" s="40"/>
      <c r="J22" s="40"/>
      <c r="K22" s="40"/>
      <c r="L22" s="40"/>
      <c r="M22" s="40"/>
      <c r="N22" s="40"/>
      <c r="O22" s="40"/>
      <c r="P22" s="40"/>
      <c r="Q22" s="40"/>
      <c r="R22" s="40"/>
      <c r="S22" s="40"/>
      <c r="T22" s="40"/>
      <c r="U22" s="40"/>
      <c r="V22" s="40"/>
    </row>
    <row r="23" spans="1:22">
      <c r="A23" s="40" t="s">
        <v>69</v>
      </c>
      <c r="B23" s="40"/>
      <c r="C23" s="41">
        <v>416670.01012033341</v>
      </c>
      <c r="D23" s="41">
        <v>563377.48362033337</v>
      </c>
      <c r="E23" s="41">
        <v>699046.12134033337</v>
      </c>
      <c r="F23" s="41">
        <v>823419.9213403333</v>
      </c>
      <c r="G23" s="41">
        <v>945553.16134033329</v>
      </c>
      <c r="H23" s="41">
        <v>651127.69355333329</v>
      </c>
      <c r="I23" s="41">
        <v>626553.4600533332</v>
      </c>
      <c r="J23" s="41">
        <v>613018.06233333331</v>
      </c>
      <c r="K23" s="41">
        <v>610777.50233333325</v>
      </c>
      <c r="L23" s="41">
        <v>621777.50233333325</v>
      </c>
      <c r="M23" s="41">
        <v>637865.6711133332</v>
      </c>
      <c r="N23" s="41">
        <v>662439.90461333329</v>
      </c>
      <c r="O23" s="41">
        <v>675975.3023333333</v>
      </c>
      <c r="P23" s="41">
        <v>678215.86233333324</v>
      </c>
      <c r="Q23" s="41">
        <v>667215.86233333324</v>
      </c>
      <c r="R23" s="41">
        <v>651127.69355333329</v>
      </c>
      <c r="S23" s="41">
        <v>626553.4600533332</v>
      </c>
      <c r="T23" s="41">
        <v>613018.06233333331</v>
      </c>
      <c r="U23" s="41">
        <v>610777.50233333325</v>
      </c>
      <c r="V23" s="41">
        <v>610777.50233333325</v>
      </c>
    </row>
    <row r="24" spans="1:22">
      <c r="A24" s="40"/>
      <c r="B24" s="40"/>
      <c r="C24" s="40"/>
      <c r="D24" s="40"/>
      <c r="E24" s="40"/>
      <c r="F24" s="40"/>
      <c r="G24" s="40"/>
      <c r="H24" s="40"/>
      <c r="I24" s="40"/>
      <c r="J24" s="40"/>
      <c r="K24" s="40"/>
      <c r="L24" s="40"/>
      <c r="M24" s="40"/>
      <c r="N24" s="40"/>
      <c r="O24" s="40"/>
      <c r="P24" s="40"/>
      <c r="Q24" s="40"/>
      <c r="R24" s="40"/>
      <c r="S24" s="40"/>
      <c r="T24" s="40"/>
      <c r="U24" s="40"/>
      <c r="V24" s="40"/>
    </row>
    <row r="25" spans="1:22">
      <c r="A25" s="44" t="s">
        <v>70</v>
      </c>
      <c r="B25" s="44"/>
      <c r="C25" s="47">
        <v>633927.22696993384</v>
      </c>
      <c r="D25" s="47">
        <v>487219.75346993387</v>
      </c>
      <c r="E25" s="47">
        <v>351551.11574993387</v>
      </c>
      <c r="F25" s="47">
        <v>219774.51574993413</v>
      </c>
      <c r="G25" s="47">
        <v>97641.275749934139</v>
      </c>
      <c r="H25" s="47">
        <v>392066.74353693414</v>
      </c>
      <c r="I25" s="47">
        <v>416640.97703693423</v>
      </c>
      <c r="J25" s="47">
        <v>430176.37475693412</v>
      </c>
      <c r="K25" s="47">
        <v>432416.93475693418</v>
      </c>
      <c r="L25" s="47">
        <v>421416.93475693418</v>
      </c>
      <c r="M25" s="47">
        <v>412731.56597693404</v>
      </c>
      <c r="N25" s="47">
        <v>388157.33247693395</v>
      </c>
      <c r="O25" s="47">
        <v>374621.93475693394</v>
      </c>
      <c r="P25" s="47">
        <v>364978.57475693419</v>
      </c>
      <c r="Q25" s="47">
        <v>375978.57475693419</v>
      </c>
      <c r="R25" s="47">
        <v>392066.74353693414</v>
      </c>
      <c r="S25" s="47">
        <v>416640.97703693423</v>
      </c>
      <c r="T25" s="47">
        <v>430176.37475693412</v>
      </c>
      <c r="U25" s="47">
        <v>432416.93475693418</v>
      </c>
      <c r="V25" s="47">
        <v>432416.93475693418</v>
      </c>
    </row>
    <row r="26" spans="1:22">
      <c r="A26" s="40"/>
      <c r="B26" s="40"/>
      <c r="C26" s="40"/>
      <c r="D26" s="40"/>
      <c r="E26" s="40"/>
      <c r="F26" s="40"/>
      <c r="G26" s="40"/>
      <c r="H26" s="40"/>
      <c r="I26" s="40"/>
      <c r="J26" s="40"/>
      <c r="K26" s="40"/>
      <c r="L26" s="40"/>
      <c r="M26" s="40"/>
      <c r="N26" s="40"/>
      <c r="O26" s="40"/>
      <c r="P26" s="40"/>
      <c r="Q26" s="40"/>
      <c r="R26" s="40"/>
      <c r="S26" s="40"/>
      <c r="T26" s="40"/>
      <c r="U26" s="40"/>
      <c r="V26" s="40"/>
    </row>
    <row r="27" spans="1:22">
      <c r="A27" s="40" t="s">
        <v>71</v>
      </c>
      <c r="B27" s="40"/>
      <c r="C27" s="41">
        <v>215535.25716977753</v>
      </c>
      <c r="D27" s="41">
        <v>165654.71617977752</v>
      </c>
      <c r="E27" s="41">
        <v>119527.37935497753</v>
      </c>
      <c r="F27" s="41">
        <v>74723.335354977607</v>
      </c>
      <c r="G27" s="41">
        <v>33198.033754977609</v>
      </c>
      <c r="H27" s="41">
        <v>133302.69280255761</v>
      </c>
      <c r="I27" s="41">
        <v>141657.93219255764</v>
      </c>
      <c r="J27" s="41">
        <v>146259.96741735761</v>
      </c>
      <c r="K27" s="41">
        <v>147021.75781735763</v>
      </c>
      <c r="L27" s="41">
        <v>143281.75781735763</v>
      </c>
      <c r="M27" s="41">
        <v>140328.73243215759</v>
      </c>
      <c r="N27" s="41">
        <v>131973.49304215756</v>
      </c>
      <c r="O27" s="41">
        <v>127371.45781735756</v>
      </c>
      <c r="P27" s="41">
        <v>124092.71541735763</v>
      </c>
      <c r="Q27" s="41">
        <v>127832.71541735763</v>
      </c>
      <c r="R27" s="41">
        <v>133302.69280255761</v>
      </c>
      <c r="S27" s="41">
        <v>141657.93219255764</v>
      </c>
      <c r="T27" s="41">
        <v>146259.96741735761</v>
      </c>
      <c r="U27" s="41">
        <v>147021.75781735763</v>
      </c>
      <c r="V27" s="41">
        <v>147021.75781735763</v>
      </c>
    </row>
    <row r="28" spans="1:22">
      <c r="A28" s="40"/>
      <c r="B28" s="40"/>
      <c r="C28" s="40"/>
      <c r="D28" s="40"/>
      <c r="E28" s="40"/>
      <c r="F28" s="40"/>
      <c r="G28" s="40"/>
      <c r="H28" s="40"/>
      <c r="I28" s="40"/>
      <c r="J28" s="40"/>
      <c r="K28" s="40"/>
      <c r="L28" s="40"/>
      <c r="M28" s="40"/>
      <c r="N28" s="40"/>
      <c r="O28" s="40"/>
      <c r="P28" s="40"/>
      <c r="Q28" s="40"/>
      <c r="R28" s="40"/>
      <c r="S28" s="40"/>
      <c r="T28" s="40"/>
      <c r="U28" s="40"/>
      <c r="V28" s="40"/>
    </row>
    <row r="29" spans="1:22">
      <c r="A29" s="44" t="s">
        <v>72</v>
      </c>
      <c r="B29" s="44"/>
      <c r="C29" s="47">
        <v>418391.96980015631</v>
      </c>
      <c r="D29" s="47">
        <v>321565.03729015635</v>
      </c>
      <c r="E29" s="47">
        <v>232023.73639495636</v>
      </c>
      <c r="F29" s="47">
        <v>145051.18039495652</v>
      </c>
      <c r="G29" s="47">
        <v>64443.24199495653</v>
      </c>
      <c r="H29" s="47">
        <v>258764.05073437653</v>
      </c>
      <c r="I29" s="47">
        <v>274983.04484437662</v>
      </c>
      <c r="J29" s="47">
        <v>283916.40733957652</v>
      </c>
      <c r="K29" s="47">
        <v>285395.17693957651</v>
      </c>
      <c r="L29" s="47">
        <v>278135.17693957651</v>
      </c>
      <c r="M29" s="47">
        <v>272402.83354477643</v>
      </c>
      <c r="N29" s="47">
        <v>256183.8394347764</v>
      </c>
      <c r="O29" s="47">
        <v>247250.47693957639</v>
      </c>
      <c r="P29" s="47">
        <v>240885.85933957656</v>
      </c>
      <c r="Q29" s="47">
        <v>248145.85933957656</v>
      </c>
      <c r="R29" s="47">
        <v>258764.05073437653</v>
      </c>
      <c r="S29" s="47">
        <v>274983.04484437662</v>
      </c>
      <c r="T29" s="47">
        <v>283916.40733957652</v>
      </c>
      <c r="U29" s="47">
        <v>285395.17693957651</v>
      </c>
      <c r="V29" s="47">
        <v>285395.17693957651</v>
      </c>
    </row>
    <row r="30" spans="1:22">
      <c r="A30" s="40"/>
      <c r="B30" s="40"/>
      <c r="C30" s="40"/>
      <c r="D30" s="40"/>
      <c r="E30" s="40"/>
      <c r="F30" s="40"/>
      <c r="G30" s="40"/>
      <c r="H30" s="40"/>
      <c r="I30" s="40"/>
      <c r="J30" s="40"/>
      <c r="K30" s="40"/>
      <c r="L30" s="40"/>
      <c r="M30" s="40"/>
      <c r="N30" s="40"/>
      <c r="O30" s="40"/>
      <c r="P30" s="40"/>
      <c r="Q30" s="40"/>
      <c r="R30" s="40"/>
      <c r="S30" s="40"/>
      <c r="T30" s="40"/>
      <c r="U30" s="40"/>
      <c r="V30" s="40"/>
    </row>
    <row r="31" spans="1:22">
      <c r="A31" s="40" t="s">
        <v>73</v>
      </c>
      <c r="B31" s="40"/>
      <c r="C31" s="41">
        <v>416670.01012033341</v>
      </c>
      <c r="D31" s="41">
        <v>563377.48362033337</v>
      </c>
      <c r="E31" s="41">
        <v>699046.12134033337</v>
      </c>
      <c r="F31" s="41">
        <v>823419.9213403333</v>
      </c>
      <c r="G31" s="41">
        <v>945553.16134033329</v>
      </c>
      <c r="H31" s="41">
        <v>651127.69355333329</v>
      </c>
      <c r="I31" s="41">
        <v>626553.4600533332</v>
      </c>
      <c r="J31" s="41">
        <v>613018.06233333331</v>
      </c>
      <c r="K31" s="41">
        <v>610777.50233333325</v>
      </c>
      <c r="L31" s="41">
        <v>621777.50233333325</v>
      </c>
      <c r="M31" s="41">
        <v>637865.6711133332</v>
      </c>
      <c r="N31" s="41">
        <v>662439.90461333329</v>
      </c>
      <c r="O31" s="41">
        <v>675975.3023333333</v>
      </c>
      <c r="P31" s="41">
        <v>678215.86233333324</v>
      </c>
      <c r="Q31" s="41">
        <v>667215.86233333324</v>
      </c>
      <c r="R31" s="41">
        <v>651127.69355333329</v>
      </c>
      <c r="S31" s="41">
        <v>626553.4600533332</v>
      </c>
      <c r="T31" s="41">
        <v>613018.06233333331</v>
      </c>
      <c r="U31" s="41">
        <v>610777.50233333325</v>
      </c>
      <c r="V31" s="41">
        <v>610777.50233333325</v>
      </c>
    </row>
    <row r="32" spans="1:22">
      <c r="A32" s="40"/>
      <c r="B32" s="40"/>
      <c r="C32" s="40"/>
      <c r="D32" s="40"/>
      <c r="E32" s="40"/>
      <c r="F32" s="40"/>
      <c r="G32" s="40"/>
      <c r="H32" s="40"/>
      <c r="I32" s="40"/>
      <c r="J32" s="40"/>
      <c r="K32" s="40"/>
      <c r="L32" s="40"/>
      <c r="M32" s="40"/>
      <c r="N32" s="40"/>
      <c r="O32" s="40"/>
      <c r="P32" s="40"/>
      <c r="Q32" s="40"/>
      <c r="R32" s="40"/>
      <c r="S32" s="40"/>
      <c r="T32" s="40"/>
      <c r="U32" s="40"/>
      <c r="V32" s="40"/>
    </row>
    <row r="33" spans="1:22">
      <c r="A33" s="44" t="s">
        <v>74</v>
      </c>
      <c r="B33" s="44"/>
      <c r="C33" s="47">
        <v>835061.97992048971</v>
      </c>
      <c r="D33" s="47">
        <v>884942.52091048972</v>
      </c>
      <c r="E33" s="47">
        <v>931069.85773528973</v>
      </c>
      <c r="F33" s="47">
        <v>968471.10173528979</v>
      </c>
      <c r="G33" s="47">
        <v>1009996.4033352898</v>
      </c>
      <c r="H33" s="47">
        <v>909891.74428770982</v>
      </c>
      <c r="I33" s="47">
        <v>901536.50489770982</v>
      </c>
      <c r="J33" s="47">
        <v>896934.46967290982</v>
      </c>
      <c r="K33" s="47">
        <v>896172.67927290977</v>
      </c>
      <c r="L33" s="47">
        <v>899912.67927290977</v>
      </c>
      <c r="M33" s="47">
        <v>910268.50465810962</v>
      </c>
      <c r="N33" s="47">
        <v>918623.74404810974</v>
      </c>
      <c r="O33" s="47">
        <v>923225.77927290974</v>
      </c>
      <c r="P33" s="47">
        <v>919101.7216729098</v>
      </c>
      <c r="Q33" s="47">
        <v>915361.7216729098</v>
      </c>
      <c r="R33" s="47">
        <v>909891.74428770982</v>
      </c>
      <c r="S33" s="47">
        <v>901536.50489770982</v>
      </c>
      <c r="T33" s="47">
        <v>896934.46967290982</v>
      </c>
      <c r="U33" s="47">
        <v>896172.67927290977</v>
      </c>
      <c r="V33" s="47">
        <v>896172.67927290977</v>
      </c>
    </row>
    <row r="34" spans="1:22">
      <c r="A34" s="40"/>
      <c r="B34" s="40"/>
      <c r="C34" s="40"/>
      <c r="D34" s="40"/>
      <c r="E34" s="40"/>
      <c r="F34" s="40"/>
      <c r="G34" s="40"/>
      <c r="H34" s="40"/>
      <c r="I34" s="40"/>
      <c r="J34" s="40"/>
      <c r="K34" s="40"/>
      <c r="L34" s="40"/>
      <c r="M34" s="40"/>
      <c r="N34" s="40"/>
      <c r="O34" s="40"/>
      <c r="P34" s="40"/>
      <c r="Q34" s="40"/>
      <c r="R34" s="40"/>
      <c r="S34" s="40"/>
      <c r="T34" s="40"/>
      <c r="U34" s="40"/>
      <c r="V34" s="40"/>
    </row>
    <row r="35" spans="1:22">
      <c r="A35" s="40" t="s">
        <v>75</v>
      </c>
      <c r="B35" s="46">
        <v>2738706.9679341628</v>
      </c>
      <c r="C35" s="46">
        <v>691107.04389999993</v>
      </c>
      <c r="D35" s="46">
        <v>733537.36749999993</v>
      </c>
      <c r="E35" s="46">
        <v>678343.18859999999</v>
      </c>
      <c r="F35" s="46">
        <v>621869</v>
      </c>
      <c r="G35" s="46">
        <v>610666.19999999995</v>
      </c>
      <c r="H35" s="46">
        <v>610666.19999999995</v>
      </c>
      <c r="I35" s="46">
        <v>610666.19999999995</v>
      </c>
      <c r="J35" s="46">
        <v>610666.19999999995</v>
      </c>
      <c r="K35" s="46">
        <v>610666.19999999995</v>
      </c>
      <c r="L35" s="46">
        <v>665666.19999999995</v>
      </c>
      <c r="M35" s="46">
        <v>691107.04389999993</v>
      </c>
      <c r="N35" s="46">
        <v>733537.36749999993</v>
      </c>
      <c r="O35" s="46">
        <v>678343.18859999999</v>
      </c>
      <c r="P35" s="46">
        <v>621869</v>
      </c>
      <c r="Q35" s="46">
        <v>610666.19999999995</v>
      </c>
      <c r="R35" s="46">
        <v>610666.19999999995</v>
      </c>
      <c r="S35" s="46">
        <v>610666.19999999995</v>
      </c>
      <c r="T35" s="46">
        <v>610666.19999999995</v>
      </c>
      <c r="U35" s="46">
        <v>610666.19999999995</v>
      </c>
      <c r="V35" s="46">
        <v>535532.92544583755</v>
      </c>
    </row>
    <row r="36" spans="1:22">
      <c r="A36" s="48" t="s">
        <v>76</v>
      </c>
      <c r="B36" s="47">
        <v>2625803.5933800004</v>
      </c>
      <c r="C36" s="47">
        <v>610666.19999999995</v>
      </c>
      <c r="D36" s="47">
        <v>610666.19999999995</v>
      </c>
      <c r="E36" s="47">
        <v>610666.19999999995</v>
      </c>
      <c r="F36" s="47">
        <v>610666.19999999995</v>
      </c>
      <c r="G36" s="47">
        <v>610666.19999999995</v>
      </c>
      <c r="H36" s="47">
        <v>610666.19999999995</v>
      </c>
      <c r="I36" s="47">
        <v>610666.19999999995</v>
      </c>
      <c r="J36" s="47">
        <v>610666.19999999995</v>
      </c>
      <c r="K36" s="47">
        <v>610666.19999999995</v>
      </c>
      <c r="L36" s="47">
        <v>610666.19999999995</v>
      </c>
      <c r="M36" s="47">
        <v>610666.19999999995</v>
      </c>
      <c r="N36" s="47">
        <v>610666.19999999995</v>
      </c>
      <c r="O36" s="47">
        <v>610666.19999999995</v>
      </c>
      <c r="P36" s="47">
        <v>610666.19999999995</v>
      </c>
      <c r="Q36" s="47">
        <v>610666.19999999995</v>
      </c>
      <c r="R36" s="47">
        <v>610666.19999999995</v>
      </c>
      <c r="S36" s="47">
        <v>610666.19999999995</v>
      </c>
      <c r="T36" s="47">
        <v>610666.19999999995</v>
      </c>
      <c r="U36" s="47">
        <v>610666.19999999995</v>
      </c>
      <c r="V36" s="47">
        <v>610666.19999999995</v>
      </c>
    </row>
    <row r="37" spans="1:22">
      <c r="A37" s="49" t="s">
        <v>77</v>
      </c>
      <c r="B37" s="41">
        <v>33000</v>
      </c>
      <c r="C37" s="41">
        <v>80440.843899999993</v>
      </c>
      <c r="D37" s="41">
        <v>122871.1675</v>
      </c>
      <c r="E37" s="41">
        <v>67676.988600000012</v>
      </c>
      <c r="F37" s="41">
        <v>11202.8</v>
      </c>
      <c r="G37" s="41">
        <v>0</v>
      </c>
      <c r="H37" s="41">
        <v>0</v>
      </c>
      <c r="I37" s="41">
        <v>0</v>
      </c>
      <c r="J37" s="41">
        <v>0</v>
      </c>
      <c r="K37" s="41">
        <v>0</v>
      </c>
      <c r="L37" s="41">
        <v>55000</v>
      </c>
      <c r="M37" s="41">
        <v>80440.843899999993</v>
      </c>
      <c r="N37" s="41">
        <v>122871.1675</v>
      </c>
      <c r="O37" s="41">
        <v>67676.988600000012</v>
      </c>
      <c r="P37" s="41">
        <v>11202.8</v>
      </c>
      <c r="Q37" s="41">
        <v>0</v>
      </c>
      <c r="R37" s="41">
        <v>0</v>
      </c>
      <c r="S37" s="41">
        <v>0</v>
      </c>
      <c r="T37" s="41">
        <v>0</v>
      </c>
      <c r="U37" s="41">
        <v>0</v>
      </c>
      <c r="V37" s="41">
        <v>0</v>
      </c>
    </row>
    <row r="38" spans="1:22">
      <c r="A38" s="48" t="s">
        <v>78</v>
      </c>
      <c r="B38" s="50">
        <v>4770.1000000000004</v>
      </c>
      <c r="C38" s="44">
        <v>0</v>
      </c>
      <c r="D38" s="44">
        <v>0</v>
      </c>
      <c r="E38" s="44">
        <v>0</v>
      </c>
      <c r="F38" s="44">
        <v>0</v>
      </c>
      <c r="G38" s="44">
        <v>0</v>
      </c>
      <c r="H38" s="44">
        <v>0</v>
      </c>
      <c r="I38" s="44">
        <v>0</v>
      </c>
      <c r="J38" s="44">
        <v>0</v>
      </c>
      <c r="K38" s="44">
        <v>0</v>
      </c>
      <c r="L38" s="44">
        <v>0</v>
      </c>
      <c r="M38" s="44"/>
      <c r="N38" s="44"/>
      <c r="O38" s="44"/>
      <c r="P38" s="44"/>
      <c r="Q38" s="44"/>
      <c r="R38" s="44"/>
      <c r="S38" s="44"/>
      <c r="T38" s="44"/>
      <c r="U38" s="44"/>
      <c r="V38" s="44"/>
    </row>
    <row r="39" spans="1:22">
      <c r="A39" s="49" t="s">
        <v>79</v>
      </c>
      <c r="B39" s="41">
        <v>75133.274554162432</v>
      </c>
      <c r="C39" s="40">
        <v>0</v>
      </c>
      <c r="D39" s="40">
        <v>0</v>
      </c>
      <c r="E39" s="40">
        <v>0</v>
      </c>
      <c r="F39" s="40">
        <v>0</v>
      </c>
      <c r="G39" s="40">
        <v>0</v>
      </c>
      <c r="H39" s="40">
        <v>0</v>
      </c>
      <c r="I39" s="40">
        <v>0</v>
      </c>
      <c r="J39" s="40">
        <v>0</v>
      </c>
      <c r="K39" s="40">
        <v>0</v>
      </c>
      <c r="L39" s="46">
        <v>0</v>
      </c>
      <c r="M39" s="46">
        <v>0</v>
      </c>
      <c r="N39" s="46">
        <v>0</v>
      </c>
      <c r="O39" s="46">
        <v>0</v>
      </c>
      <c r="P39" s="46">
        <v>0</v>
      </c>
      <c r="Q39" s="46">
        <v>0</v>
      </c>
      <c r="R39" s="46">
        <v>0</v>
      </c>
      <c r="S39" s="46">
        <v>0</v>
      </c>
      <c r="T39" s="46">
        <v>0</v>
      </c>
      <c r="U39" s="46">
        <v>0</v>
      </c>
      <c r="V39" s="46">
        <v>-75133.274554162432</v>
      </c>
    </row>
    <row r="40" spans="1:22">
      <c r="A40" s="40"/>
      <c r="B40" s="40"/>
      <c r="C40" s="40"/>
      <c r="D40" s="40"/>
      <c r="E40" s="40"/>
      <c r="F40" s="40"/>
      <c r="G40" s="40"/>
      <c r="H40" s="40"/>
      <c r="I40" s="40"/>
      <c r="J40" s="40"/>
      <c r="K40" s="40"/>
      <c r="L40" s="40"/>
      <c r="M40" s="40"/>
      <c r="N40" s="40"/>
      <c r="O40" s="40"/>
      <c r="P40" s="40"/>
      <c r="Q40" s="40"/>
      <c r="R40" s="40"/>
      <c r="S40" s="40"/>
      <c r="T40" s="40"/>
      <c r="U40" s="40"/>
      <c r="V40" s="40"/>
    </row>
    <row r="41" spans="1:22">
      <c r="A41" s="44" t="s">
        <v>80</v>
      </c>
      <c r="B41" s="45">
        <v>0</v>
      </c>
      <c r="C41" s="45">
        <v>25953.313499999997</v>
      </c>
      <c r="D41" s="45">
        <v>25953.313499999997</v>
      </c>
      <c r="E41" s="45">
        <v>25953.313499999997</v>
      </c>
      <c r="F41" s="45">
        <v>25953.313499999997</v>
      </c>
      <c r="G41" s="45">
        <v>25953.313499999997</v>
      </c>
      <c r="H41" s="45">
        <v>25953.313499999997</v>
      </c>
      <c r="I41" s="45">
        <v>25953.313499999997</v>
      </c>
      <c r="J41" s="45">
        <v>25953.313499999997</v>
      </c>
      <c r="K41" s="45">
        <v>25953.313499999997</v>
      </c>
      <c r="L41" s="45">
        <v>25953.313499999997</v>
      </c>
      <c r="M41" s="45">
        <v>25953.313499999997</v>
      </c>
      <c r="N41" s="45">
        <v>25953.313499999997</v>
      </c>
      <c r="O41" s="45">
        <v>25953.313499999997</v>
      </c>
      <c r="P41" s="45">
        <v>25953.313499999997</v>
      </c>
      <c r="Q41" s="45">
        <v>25953.313499999997</v>
      </c>
      <c r="R41" s="45">
        <v>25953.313499999997</v>
      </c>
      <c r="S41" s="45">
        <v>25953.313499999997</v>
      </c>
      <c r="T41" s="45">
        <v>25953.313499999997</v>
      </c>
      <c r="U41" s="45">
        <v>25953.313499999997</v>
      </c>
      <c r="V41" s="45">
        <v>1767317.4647063331</v>
      </c>
    </row>
    <row r="42" spans="1:22">
      <c r="A42" s="40" t="s">
        <v>81</v>
      </c>
      <c r="B42" s="40"/>
      <c r="C42" s="46">
        <v>25953.313499999997</v>
      </c>
      <c r="D42" s="46">
        <v>25953.313499999997</v>
      </c>
      <c r="E42" s="46">
        <v>25953.313499999997</v>
      </c>
      <c r="F42" s="46">
        <v>25953.313499999997</v>
      </c>
      <c r="G42" s="46">
        <v>25953.313499999997</v>
      </c>
      <c r="H42" s="46">
        <v>25953.313499999997</v>
      </c>
      <c r="I42" s="46">
        <v>25953.313499999997</v>
      </c>
      <c r="J42" s="46">
        <v>25953.313499999997</v>
      </c>
      <c r="K42" s="46">
        <v>25953.313499999997</v>
      </c>
      <c r="L42" s="46">
        <v>25953.313499999997</v>
      </c>
      <c r="M42" s="46">
        <v>25953.313499999997</v>
      </c>
      <c r="N42" s="46">
        <v>25953.313499999997</v>
      </c>
      <c r="O42" s="46">
        <v>25953.313499999997</v>
      </c>
      <c r="P42" s="46">
        <v>25953.313499999997</v>
      </c>
      <c r="Q42" s="46">
        <v>25953.313499999997</v>
      </c>
      <c r="R42" s="46">
        <v>25953.313499999997</v>
      </c>
      <c r="S42" s="46">
        <v>25953.313499999997</v>
      </c>
      <c r="T42" s="46">
        <v>25953.313499999997</v>
      </c>
      <c r="U42" s="46">
        <v>25953.313499999997</v>
      </c>
      <c r="V42" s="46">
        <v>1764773.4113729999</v>
      </c>
    </row>
    <row r="43" spans="1:22">
      <c r="A43" s="44" t="s">
        <v>82</v>
      </c>
      <c r="B43" s="44"/>
      <c r="C43" s="44">
        <v>0</v>
      </c>
      <c r="D43" s="44">
        <v>0</v>
      </c>
      <c r="E43" s="44">
        <v>0</v>
      </c>
      <c r="F43" s="44">
        <v>0</v>
      </c>
      <c r="G43" s="44">
        <v>0</v>
      </c>
      <c r="H43" s="44">
        <v>0</v>
      </c>
      <c r="I43" s="44">
        <v>0</v>
      </c>
      <c r="J43" s="44">
        <v>0</v>
      </c>
      <c r="K43" s="44">
        <v>0</v>
      </c>
      <c r="L43" s="45">
        <v>0</v>
      </c>
      <c r="M43" s="44">
        <v>0</v>
      </c>
      <c r="N43" s="44">
        <v>0</v>
      </c>
      <c r="O43" s="44">
        <v>0</v>
      </c>
      <c r="P43" s="44">
        <v>0</v>
      </c>
      <c r="Q43" s="44">
        <v>0</v>
      </c>
      <c r="R43" s="44">
        <v>0</v>
      </c>
      <c r="S43" s="44">
        <v>0</v>
      </c>
      <c r="T43" s="44">
        <v>0</v>
      </c>
      <c r="U43" s="44">
        <v>0</v>
      </c>
      <c r="V43" s="44">
        <v>2544.0533333333337</v>
      </c>
    </row>
    <row r="44" spans="1:22">
      <c r="A44" s="40"/>
      <c r="B44" s="40"/>
      <c r="C44" s="40"/>
      <c r="D44" s="40"/>
      <c r="E44" s="40"/>
      <c r="F44" s="40"/>
      <c r="G44" s="40"/>
      <c r="H44" s="40"/>
      <c r="I44" s="40"/>
      <c r="J44" s="40"/>
      <c r="K44" s="40"/>
      <c r="L44" s="40"/>
      <c r="M44" s="40"/>
      <c r="N44" s="40"/>
      <c r="O44" s="40"/>
      <c r="P44" s="40"/>
      <c r="Q44" s="40"/>
      <c r="R44" s="40"/>
      <c r="S44" s="40"/>
      <c r="T44" s="40"/>
      <c r="U44" s="40"/>
      <c r="V44" s="40"/>
    </row>
    <row r="45" spans="1:22">
      <c r="A45" s="52" t="s">
        <v>83</v>
      </c>
      <c r="B45" s="53">
        <v>-2738706.9679341628</v>
      </c>
      <c r="C45" s="53">
        <v>169908.24952048977</v>
      </c>
      <c r="D45" s="53">
        <v>177358.46691048978</v>
      </c>
      <c r="E45" s="53">
        <v>278679.98263528972</v>
      </c>
      <c r="F45" s="53">
        <v>372555.41523528978</v>
      </c>
      <c r="G45" s="53">
        <v>425283.51683528983</v>
      </c>
      <c r="H45" s="53">
        <v>325178.85778770986</v>
      </c>
      <c r="I45" s="53">
        <v>316823.61839770986</v>
      </c>
      <c r="J45" s="53">
        <v>312221.58317290986</v>
      </c>
      <c r="K45" s="53">
        <v>311459.7927729098</v>
      </c>
      <c r="L45" s="53">
        <v>260199.7927729098</v>
      </c>
      <c r="M45" s="53">
        <v>245114.77425810968</v>
      </c>
      <c r="N45" s="53">
        <v>211039.6900481098</v>
      </c>
      <c r="O45" s="53">
        <v>270835.90417290974</v>
      </c>
      <c r="P45" s="53">
        <v>323186.03517290979</v>
      </c>
      <c r="Q45" s="53">
        <v>330648.83517290984</v>
      </c>
      <c r="R45" s="53">
        <v>325178.85778770986</v>
      </c>
      <c r="S45" s="53">
        <v>316823.61839770986</v>
      </c>
      <c r="T45" s="53">
        <v>312221.58317290986</v>
      </c>
      <c r="U45" s="53">
        <v>311459.7927729098</v>
      </c>
      <c r="V45" s="53">
        <v>2127957.2185334051</v>
      </c>
    </row>
    <row r="46" spans="1:22">
      <c r="A46" s="40"/>
      <c r="B46" s="46"/>
      <c r="C46" s="46"/>
      <c r="D46" s="46"/>
      <c r="E46" s="46"/>
      <c r="F46" s="46"/>
      <c r="G46" s="46"/>
      <c r="H46" s="46"/>
      <c r="I46" s="46"/>
      <c r="J46" s="46"/>
      <c r="K46" s="46"/>
      <c r="L46" s="46"/>
      <c r="M46" s="46"/>
      <c r="N46" s="46"/>
      <c r="O46" s="46"/>
      <c r="P46" s="46"/>
      <c r="Q46" s="46"/>
      <c r="R46" s="46"/>
      <c r="S46" s="46"/>
      <c r="T46" s="46"/>
      <c r="U46" s="46"/>
      <c r="V46" s="40"/>
    </row>
    <row r="47" spans="1:22">
      <c r="A47" s="39"/>
      <c r="B47" s="40"/>
      <c r="C47" s="40"/>
      <c r="D47" s="40"/>
      <c r="E47" s="40"/>
      <c r="F47" s="40"/>
      <c r="G47" s="40"/>
      <c r="H47" s="40"/>
      <c r="I47" s="40"/>
      <c r="J47" s="40"/>
      <c r="K47" s="40"/>
      <c r="L47" s="40"/>
      <c r="M47" s="40"/>
      <c r="N47" s="40"/>
      <c r="O47" s="40"/>
      <c r="P47" s="40"/>
      <c r="Q47" s="40"/>
      <c r="R47" s="40"/>
      <c r="S47" s="40"/>
      <c r="T47" s="40"/>
      <c r="U47" s="40"/>
      <c r="V47" s="40"/>
    </row>
    <row r="48" spans="1:22">
      <c r="A48" s="40"/>
      <c r="B48" s="40"/>
      <c r="C48" s="40"/>
      <c r="D48" s="40"/>
      <c r="E48" s="40"/>
      <c r="F48" s="40"/>
      <c r="G48" s="40"/>
      <c r="H48" s="40"/>
      <c r="I48" s="40"/>
      <c r="J48" s="40"/>
      <c r="K48" s="40"/>
      <c r="L48" s="40"/>
      <c r="M48" s="40"/>
      <c r="N48" s="40"/>
      <c r="O48" s="40"/>
      <c r="P48" s="40"/>
      <c r="Q48" s="40"/>
      <c r="R48" s="40"/>
      <c r="S48" s="40"/>
      <c r="T48" s="40"/>
      <c r="U48" s="40"/>
      <c r="V48" s="40"/>
    </row>
    <row r="49" spans="1:22" ht="12" thickBot="1"/>
    <row r="50" spans="1:22" ht="16.5" thickBot="1">
      <c r="A50" s="117" t="s">
        <v>58</v>
      </c>
      <c r="B50" s="118">
        <v>9.8500000000000004E-2</v>
      </c>
      <c r="C50" s="40"/>
      <c r="D50" s="40"/>
      <c r="E50" s="40"/>
      <c r="F50" s="40"/>
      <c r="G50" s="40"/>
      <c r="H50" s="40"/>
      <c r="I50" s="40"/>
      <c r="J50" s="40"/>
      <c r="K50" s="40"/>
      <c r="L50" s="40"/>
      <c r="M50" s="40"/>
      <c r="N50" s="40"/>
      <c r="O50" s="40"/>
      <c r="P50" s="40"/>
      <c r="Q50" s="40"/>
      <c r="R50" s="40"/>
      <c r="S50" s="40"/>
      <c r="T50" s="40"/>
      <c r="U50" s="40"/>
      <c r="V50" s="40"/>
    </row>
    <row r="51" spans="1:22">
      <c r="A51" s="40"/>
      <c r="B51" s="55"/>
      <c r="C51" s="40"/>
      <c r="D51" s="40"/>
      <c r="E51" s="40"/>
      <c r="F51" s="40"/>
      <c r="G51" s="40"/>
      <c r="H51" s="40"/>
      <c r="I51" s="40"/>
      <c r="J51" s="40"/>
      <c r="K51" s="40"/>
      <c r="L51" s="40"/>
      <c r="M51" s="56"/>
      <c r="N51" s="40"/>
      <c r="O51" s="40"/>
      <c r="P51" s="40"/>
      <c r="Q51" s="40"/>
      <c r="R51" s="40"/>
      <c r="S51" s="40"/>
      <c r="T51" s="40"/>
      <c r="U51" s="40"/>
      <c r="V51" s="40"/>
    </row>
    <row r="52" spans="1:22">
      <c r="A52" s="40"/>
      <c r="B52" s="55"/>
      <c r="C52" s="40"/>
      <c r="D52" s="40"/>
      <c r="E52" s="40"/>
      <c r="F52" s="40"/>
      <c r="G52" s="40"/>
      <c r="H52" s="40"/>
      <c r="I52" s="40"/>
      <c r="J52" s="40"/>
      <c r="K52" s="40"/>
      <c r="L52" s="40"/>
      <c r="M52" s="56"/>
      <c r="N52" s="40"/>
      <c r="O52" s="40"/>
      <c r="P52" s="40"/>
      <c r="Q52" s="40"/>
      <c r="R52" s="40"/>
      <c r="S52" s="40"/>
      <c r="T52" s="40"/>
      <c r="U52" s="40"/>
      <c r="V52" s="40"/>
    </row>
    <row r="53" spans="1:22">
      <c r="A53" s="40"/>
      <c r="B53" s="40"/>
      <c r="C53" s="40"/>
      <c r="D53" s="40"/>
      <c r="E53" s="40"/>
      <c r="F53" s="40"/>
      <c r="G53" s="40"/>
      <c r="H53" s="40"/>
      <c r="I53" s="40"/>
      <c r="J53" s="40"/>
      <c r="K53" s="40"/>
      <c r="L53" s="40"/>
      <c r="M53" s="40"/>
      <c r="N53" s="40"/>
      <c r="O53" s="40"/>
      <c r="P53" s="40"/>
      <c r="Q53" s="40"/>
      <c r="R53" s="40"/>
      <c r="S53" s="40"/>
      <c r="T53" s="40"/>
      <c r="U53" s="40"/>
      <c r="V53" s="40"/>
    </row>
    <row r="54" spans="1:22" ht="18">
      <c r="A54" s="116" t="s">
        <v>115</v>
      </c>
      <c r="B54" s="40"/>
      <c r="C54" s="40"/>
      <c r="D54" s="40"/>
      <c r="E54" s="40"/>
      <c r="F54" s="40"/>
      <c r="G54" s="40"/>
      <c r="H54" s="40"/>
      <c r="I54" s="40"/>
      <c r="J54" s="40"/>
      <c r="K54" s="40"/>
      <c r="L54" s="40"/>
      <c r="M54" s="40"/>
      <c r="N54" s="40"/>
      <c r="O54" s="40"/>
      <c r="P54" s="40"/>
      <c r="Q54" s="40"/>
      <c r="R54" s="40"/>
      <c r="S54" s="40"/>
      <c r="T54" s="40"/>
      <c r="U54" s="40"/>
      <c r="V54" s="40"/>
    </row>
    <row r="55" spans="1:22">
      <c r="A55" s="57" t="s">
        <v>84</v>
      </c>
      <c r="B55" s="58"/>
      <c r="C55" s="59">
        <v>416670.01012033341</v>
      </c>
      <c r="D55" s="60">
        <v>563377.48362033337</v>
      </c>
      <c r="E55" s="60">
        <v>699046.12134033337</v>
      </c>
      <c r="F55" s="60">
        <v>823419.9213403333</v>
      </c>
      <c r="G55" s="60">
        <v>945553.16134033329</v>
      </c>
      <c r="H55" s="60">
        <v>651127.69355333329</v>
      </c>
      <c r="I55" s="60">
        <v>626553.4600533332</v>
      </c>
      <c r="J55" s="60">
        <v>613018.06233333331</v>
      </c>
      <c r="K55" s="60">
        <v>610777.50233333325</v>
      </c>
      <c r="L55" s="60">
        <v>621777.50233333325</v>
      </c>
      <c r="M55" s="60">
        <v>637865.6711133332</v>
      </c>
      <c r="N55" s="60">
        <v>662439.90461333329</v>
      </c>
      <c r="O55" s="60">
        <v>675975.3023333333</v>
      </c>
      <c r="P55" s="60">
        <v>678215.86233333324</v>
      </c>
      <c r="Q55" s="60">
        <v>667215.86233333324</v>
      </c>
      <c r="R55" s="60">
        <v>651127.69355333329</v>
      </c>
      <c r="S55" s="60">
        <v>626553.4600533332</v>
      </c>
      <c r="T55" s="60">
        <v>613018.06233333331</v>
      </c>
      <c r="U55" s="60">
        <v>610777.50233333325</v>
      </c>
      <c r="V55" s="61">
        <v>610777.50233333325</v>
      </c>
    </row>
    <row r="56" spans="1:22">
      <c r="A56" s="62" t="s">
        <v>85</v>
      </c>
      <c r="B56" s="63"/>
      <c r="C56" s="65">
        <v>393870.53900700004</v>
      </c>
      <c r="D56" s="65">
        <v>516003.77900700003</v>
      </c>
      <c r="E56" s="65">
        <v>638137.01900700002</v>
      </c>
      <c r="F56" s="65">
        <v>760270.25900700002</v>
      </c>
      <c r="G56" s="65">
        <v>882403.49900700001</v>
      </c>
      <c r="H56" s="65">
        <v>610666.19999999995</v>
      </c>
      <c r="I56" s="65">
        <v>610666.19999999995</v>
      </c>
      <c r="J56" s="65">
        <v>610666.19999999995</v>
      </c>
      <c r="K56" s="65">
        <v>610666.19999999995</v>
      </c>
      <c r="L56" s="65">
        <v>610666.19999999995</v>
      </c>
      <c r="M56" s="65">
        <v>610666.19999999995</v>
      </c>
      <c r="N56" s="65">
        <v>610666.19999999995</v>
      </c>
      <c r="O56" s="65">
        <v>610666.19999999995</v>
      </c>
      <c r="P56" s="65">
        <v>610666.19999999995</v>
      </c>
      <c r="Q56" s="65">
        <v>610666.19999999995</v>
      </c>
      <c r="R56" s="65">
        <v>610666.19999999995</v>
      </c>
      <c r="S56" s="65">
        <v>610666.19999999995</v>
      </c>
      <c r="T56" s="65">
        <v>610666.19999999995</v>
      </c>
      <c r="U56" s="65">
        <v>610666.19999999995</v>
      </c>
      <c r="V56" s="66">
        <v>610666.19999999995</v>
      </c>
    </row>
    <row r="57" spans="1:22">
      <c r="A57" s="67" t="s">
        <v>86</v>
      </c>
      <c r="B57" s="40"/>
      <c r="C57" s="41">
        <v>111.30233333333334</v>
      </c>
      <c r="D57" s="41">
        <v>111.30233333333334</v>
      </c>
      <c r="E57" s="41">
        <v>111.30233333333334</v>
      </c>
      <c r="F57" s="41">
        <v>111.30233333333334</v>
      </c>
      <c r="G57" s="41">
        <v>111.30233333333334</v>
      </c>
      <c r="H57" s="41">
        <v>111.30233333333334</v>
      </c>
      <c r="I57" s="41">
        <v>111.30233333333334</v>
      </c>
      <c r="J57" s="41">
        <v>111.30233333333334</v>
      </c>
      <c r="K57" s="41">
        <v>111.30233333333334</v>
      </c>
      <c r="L57" s="41">
        <v>111.30233333333334</v>
      </c>
      <c r="M57" s="41">
        <v>111.30233333333334</v>
      </c>
      <c r="N57" s="41">
        <v>111.30233333333334</v>
      </c>
      <c r="O57" s="41">
        <v>111.30233333333334</v>
      </c>
      <c r="P57" s="41">
        <v>111.30233333333334</v>
      </c>
      <c r="Q57" s="41">
        <v>111.30233333333334</v>
      </c>
      <c r="R57" s="41">
        <v>111.30233333333334</v>
      </c>
      <c r="S57" s="41">
        <v>111.30233333333334</v>
      </c>
      <c r="T57" s="41">
        <v>111.30233333333334</v>
      </c>
      <c r="U57" s="41">
        <v>111.30233333333334</v>
      </c>
      <c r="V57" s="41">
        <v>111.30233333333334</v>
      </c>
    </row>
    <row r="58" spans="1:22">
      <c r="A58" s="70" t="s">
        <v>87</v>
      </c>
      <c r="B58" s="71"/>
      <c r="C58" s="73">
        <v>22688.16878</v>
      </c>
      <c r="D58" s="73">
        <v>47262.402279999995</v>
      </c>
      <c r="E58" s="73">
        <v>60797.799999999996</v>
      </c>
      <c r="F58" s="73">
        <v>63038.359999999993</v>
      </c>
      <c r="G58" s="73">
        <v>63038.359999999993</v>
      </c>
      <c r="H58" s="73">
        <v>40350.191220000001</v>
      </c>
      <c r="I58" s="73">
        <v>15775.957720000002</v>
      </c>
      <c r="J58" s="73">
        <v>2240.56</v>
      </c>
      <c r="K58" s="73">
        <v>0</v>
      </c>
      <c r="L58" s="73">
        <v>11000</v>
      </c>
      <c r="M58" s="73">
        <v>27088.16878</v>
      </c>
      <c r="N58" s="73">
        <v>51662.402279999995</v>
      </c>
      <c r="O58" s="73">
        <v>65197.8</v>
      </c>
      <c r="P58" s="73">
        <v>67438.36</v>
      </c>
      <c r="Q58" s="73">
        <v>56438.36</v>
      </c>
      <c r="R58" s="73">
        <v>40350.191220000001</v>
      </c>
      <c r="S58" s="73">
        <v>15775.957720000002</v>
      </c>
      <c r="T58" s="73">
        <v>2240.56</v>
      </c>
      <c r="U58" s="73">
        <v>0</v>
      </c>
      <c r="V58" s="74">
        <v>0</v>
      </c>
    </row>
    <row r="88" spans="11:11" ht="12.75">
      <c r="K88" s="119" t="s">
        <v>133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xl/worksheets/sheet9.xml><?xml version="1.0" encoding="utf-8"?>
<worksheet xmlns="http://schemas.openxmlformats.org/spreadsheetml/2006/main" xmlns:r="http://schemas.openxmlformats.org/officeDocument/2006/relationships">
  <sheetPr codeName="Plan16"/>
  <dimension ref="A1:V88"/>
  <sheetViews>
    <sheetView view="pageBreakPreview" topLeftCell="A43" zoomScale="80" zoomScaleNormal="100" zoomScaleSheetLayoutView="80" workbookViewId="0">
      <selection activeCell="K88" sqref="K88"/>
    </sheetView>
  </sheetViews>
  <sheetFormatPr defaultRowHeight="11.25"/>
  <cols>
    <col min="1" max="1" width="34.85546875" style="2" customWidth="1"/>
    <col min="2" max="2" width="11" style="2" bestFit="1" customWidth="1"/>
    <col min="3" max="3" width="11.42578125" style="2" bestFit="1" customWidth="1"/>
    <col min="4" max="15" width="10.5703125" style="2" customWidth="1"/>
    <col min="16" max="22" width="10.42578125" style="2" customWidth="1"/>
    <col min="23" max="23" width="9.140625" style="2"/>
    <col min="24" max="25" width="0" style="2" hidden="1" customWidth="1"/>
    <col min="26" max="16384" width="9.140625" style="2"/>
  </cols>
  <sheetData>
    <row r="1" spans="1:22" ht="18">
      <c r="A1" s="93" t="s">
        <v>92</v>
      </c>
    </row>
    <row r="4" spans="1:22" ht="18">
      <c r="A4" s="93" t="s">
        <v>112</v>
      </c>
    </row>
    <row r="5" spans="1:22" ht="15.75">
      <c r="A5" s="105" t="s">
        <v>51</v>
      </c>
    </row>
    <row r="6" spans="1:22" ht="15.75">
      <c r="A6" s="105" t="s">
        <v>113</v>
      </c>
    </row>
    <row r="7" spans="1:22" ht="12.75">
      <c r="A7" s="106" t="s">
        <v>57</v>
      </c>
      <c r="B7" s="107"/>
      <c r="C7" s="108">
        <v>10</v>
      </c>
    </row>
    <row r="8" spans="1:22" ht="12.75">
      <c r="A8" s="109" t="s">
        <v>59</v>
      </c>
      <c r="B8" s="110"/>
      <c r="C8" s="120">
        <v>64718.455371231183</v>
      </c>
    </row>
    <row r="9" spans="1:22" ht="12.75">
      <c r="A9" s="112"/>
      <c r="B9" s="112"/>
      <c r="C9" s="113"/>
    </row>
    <row r="10" spans="1:22" ht="12.75">
      <c r="A10" s="106" t="s">
        <v>60</v>
      </c>
      <c r="B10" s="107"/>
      <c r="C10" s="114">
        <v>48124.643775393037</v>
      </c>
    </row>
    <row r="11" spans="1:22" ht="12.75">
      <c r="A11" s="106" t="s">
        <v>61</v>
      </c>
      <c r="B11" s="107"/>
      <c r="C11" s="114">
        <v>18793.178732</v>
      </c>
    </row>
    <row r="12" spans="1:22" ht="12.75">
      <c r="A12" s="106" t="s">
        <v>62</v>
      </c>
      <c r="B12" s="107"/>
      <c r="C12" s="115">
        <v>29331.465043393033</v>
      </c>
    </row>
    <row r="13" spans="1:22" ht="12.75">
      <c r="A13" s="106" t="s">
        <v>63</v>
      </c>
      <c r="B13" s="107"/>
      <c r="C13" s="114">
        <v>25787.911835903997</v>
      </c>
    </row>
    <row r="14" spans="1:22">
      <c r="A14" s="40"/>
      <c r="B14" s="40"/>
      <c r="C14" s="41"/>
    </row>
    <row r="15" spans="1:22" ht="18">
      <c r="A15" s="116" t="s">
        <v>114</v>
      </c>
      <c r="C15" s="41"/>
      <c r="D15" s="28"/>
      <c r="V15" s="42" t="s">
        <v>64</v>
      </c>
    </row>
    <row r="16" spans="1:22">
      <c r="A16" s="43"/>
      <c r="B16" s="43" t="s">
        <v>3</v>
      </c>
      <c r="C16" s="43" t="s">
        <v>4</v>
      </c>
      <c r="D16" s="43" t="s">
        <v>5</v>
      </c>
      <c r="E16" s="43" t="s">
        <v>6</v>
      </c>
      <c r="F16" s="43" t="s">
        <v>7</v>
      </c>
      <c r="G16" s="43" t="s">
        <v>8</v>
      </c>
      <c r="H16" s="43" t="s">
        <v>9</v>
      </c>
      <c r="I16" s="43" t="s">
        <v>10</v>
      </c>
      <c r="J16" s="43" t="s">
        <v>11</v>
      </c>
      <c r="K16" s="43" t="s">
        <v>12</v>
      </c>
      <c r="L16" s="43" t="s">
        <v>13</v>
      </c>
      <c r="M16" s="43" t="s">
        <v>14</v>
      </c>
      <c r="N16" s="43" t="s">
        <v>15</v>
      </c>
      <c r="O16" s="43" t="s">
        <v>16</v>
      </c>
      <c r="P16" s="43" t="s">
        <v>17</v>
      </c>
      <c r="Q16" s="43" t="s">
        <v>18</v>
      </c>
      <c r="R16" s="43" t="s">
        <v>19</v>
      </c>
      <c r="S16" s="43" t="s">
        <v>20</v>
      </c>
      <c r="T16" s="43" t="s">
        <v>21</v>
      </c>
      <c r="U16" s="43" t="s">
        <v>22</v>
      </c>
      <c r="V16" s="43" t="s">
        <v>23</v>
      </c>
    </row>
    <row r="17" spans="1:22">
      <c r="A17" s="40" t="s">
        <v>65</v>
      </c>
      <c r="B17" s="40"/>
      <c r="C17" s="41">
        <v>7766214.6445477419</v>
      </c>
      <c r="D17" s="41">
        <v>7766214.6445477419</v>
      </c>
      <c r="E17" s="41">
        <v>7766214.6445477419</v>
      </c>
      <c r="F17" s="41">
        <v>7766214.6445477419</v>
      </c>
      <c r="G17" s="41">
        <v>7766214.6445477419</v>
      </c>
      <c r="H17" s="41">
        <v>7766214.6445477419</v>
      </c>
      <c r="I17" s="41">
        <v>7766214.6445477419</v>
      </c>
      <c r="J17" s="41">
        <v>7766214.6445477419</v>
      </c>
      <c r="K17" s="41">
        <v>7766214.6445477419</v>
      </c>
      <c r="L17" s="41">
        <v>7766214.6445477419</v>
      </c>
      <c r="M17" s="41">
        <v>7766214.6445477419</v>
      </c>
      <c r="N17" s="41">
        <v>7766214.6445477419</v>
      </c>
      <c r="O17" s="41">
        <v>7766214.6445477419</v>
      </c>
      <c r="P17" s="41">
        <v>7766214.6445477419</v>
      </c>
      <c r="Q17" s="41">
        <v>7766214.6445477419</v>
      </c>
      <c r="R17" s="41">
        <v>7766214.6445477419</v>
      </c>
      <c r="S17" s="41">
        <v>7766214.6445477419</v>
      </c>
      <c r="T17" s="41">
        <v>7766214.6445477419</v>
      </c>
      <c r="U17" s="41">
        <v>7766214.6445477419</v>
      </c>
      <c r="V17" s="41">
        <v>7766214.6445477419</v>
      </c>
    </row>
    <row r="18" spans="1:22">
      <c r="A18" s="44" t="s">
        <v>66</v>
      </c>
      <c r="B18" s="44"/>
      <c r="C18" s="45">
        <v>155324.29289095485</v>
      </c>
      <c r="D18" s="45">
        <v>155324.29289095485</v>
      </c>
      <c r="E18" s="45">
        <v>155324.29289095485</v>
      </c>
      <c r="F18" s="45">
        <v>155324.29289095485</v>
      </c>
      <c r="G18" s="45">
        <v>155324.29289095485</v>
      </c>
      <c r="H18" s="45">
        <v>155324.29289095485</v>
      </c>
      <c r="I18" s="45">
        <v>155324.29289095485</v>
      </c>
      <c r="J18" s="45">
        <v>155324.29289095485</v>
      </c>
      <c r="K18" s="45">
        <v>155324.29289095485</v>
      </c>
      <c r="L18" s="45">
        <v>155324.29289095485</v>
      </c>
      <c r="M18" s="45">
        <v>155324.29289095485</v>
      </c>
      <c r="N18" s="45">
        <v>155324.29289095485</v>
      </c>
      <c r="O18" s="45">
        <v>155324.29289095485</v>
      </c>
      <c r="P18" s="45">
        <v>155324.29289095485</v>
      </c>
      <c r="Q18" s="45">
        <v>155324.29289095485</v>
      </c>
      <c r="R18" s="45">
        <v>155324.29289095485</v>
      </c>
      <c r="S18" s="45">
        <v>155324.29289095485</v>
      </c>
      <c r="T18" s="45">
        <v>155324.29289095485</v>
      </c>
      <c r="U18" s="45">
        <v>155324.29289095485</v>
      </c>
      <c r="V18" s="45">
        <v>155324.29289095485</v>
      </c>
    </row>
    <row r="19" spans="1:22">
      <c r="A19" s="40" t="s">
        <v>67</v>
      </c>
      <c r="B19" s="40"/>
      <c r="C19" s="46">
        <v>7610890.3516567871</v>
      </c>
      <c r="D19" s="46">
        <v>7610890.3516567871</v>
      </c>
      <c r="E19" s="46">
        <v>7610890.3516567871</v>
      </c>
      <c r="F19" s="46">
        <v>7610890.3516567871</v>
      </c>
      <c r="G19" s="46">
        <v>7610890.3516567871</v>
      </c>
      <c r="H19" s="46">
        <v>7610890.3516567871</v>
      </c>
      <c r="I19" s="46">
        <v>7610890.3516567871</v>
      </c>
      <c r="J19" s="46">
        <v>7610890.3516567871</v>
      </c>
      <c r="K19" s="46">
        <v>7610890.3516567871</v>
      </c>
      <c r="L19" s="46">
        <v>7610890.3516567871</v>
      </c>
      <c r="M19" s="46">
        <v>7610890.3516567871</v>
      </c>
      <c r="N19" s="46">
        <v>7610890.3516567871</v>
      </c>
      <c r="O19" s="46">
        <v>7610890.3516567871</v>
      </c>
      <c r="P19" s="46">
        <v>7610890.3516567871</v>
      </c>
      <c r="Q19" s="46">
        <v>7610890.3516567871</v>
      </c>
      <c r="R19" s="46">
        <v>7610890.3516567871</v>
      </c>
      <c r="S19" s="46">
        <v>7610890.3516567871</v>
      </c>
      <c r="T19" s="46">
        <v>7610890.3516567871</v>
      </c>
      <c r="U19" s="46">
        <v>7610890.3516567871</v>
      </c>
      <c r="V19" s="46">
        <v>7610890.3516567871</v>
      </c>
    </row>
    <row r="20" spans="1:22">
      <c r="A20" s="40"/>
      <c r="B20" s="40"/>
      <c r="C20" s="40"/>
      <c r="D20" s="40"/>
      <c r="E20" s="40"/>
      <c r="F20" s="40"/>
      <c r="G20" s="40"/>
      <c r="H20" s="40"/>
      <c r="I20" s="40"/>
      <c r="J20" s="40"/>
      <c r="K20" s="40"/>
      <c r="L20" s="40"/>
      <c r="M20" s="40"/>
      <c r="N20" s="40"/>
      <c r="O20" s="40"/>
      <c r="P20" s="40"/>
      <c r="Q20" s="40"/>
      <c r="R20" s="40"/>
      <c r="S20" s="40"/>
      <c r="T20" s="40"/>
      <c r="U20" s="40"/>
      <c r="V20" s="40"/>
    </row>
    <row r="21" spans="1:22">
      <c r="A21" s="44" t="s">
        <v>68</v>
      </c>
      <c r="B21" s="44"/>
      <c r="C21" s="45">
        <v>6043439.5714062043</v>
      </c>
      <c r="D21" s="45">
        <v>6043439.5714062043</v>
      </c>
      <c r="E21" s="45">
        <v>6043439.5714062043</v>
      </c>
      <c r="F21" s="45">
        <v>6050842.3714062041</v>
      </c>
      <c r="G21" s="45">
        <v>6050842.3714062041</v>
      </c>
      <c r="H21" s="45">
        <v>6050842.3714062041</v>
      </c>
      <c r="I21" s="45">
        <v>6050842.3714062041</v>
      </c>
      <c r="J21" s="45">
        <v>6050842.3714062041</v>
      </c>
      <c r="K21" s="45">
        <v>6050842.3714062041</v>
      </c>
      <c r="L21" s="45">
        <v>6050842.3714062041</v>
      </c>
      <c r="M21" s="47">
        <v>6043439.5714062043</v>
      </c>
      <c r="N21" s="47">
        <v>6043439.5714062043</v>
      </c>
      <c r="O21" s="47">
        <v>6043439.5714062043</v>
      </c>
      <c r="P21" s="47">
        <v>6050842.3714062041</v>
      </c>
      <c r="Q21" s="47">
        <v>6050842.3714062041</v>
      </c>
      <c r="R21" s="47">
        <v>6050842.3714062041</v>
      </c>
      <c r="S21" s="47">
        <v>6050842.3714062041</v>
      </c>
      <c r="T21" s="47">
        <v>6050842.3714062041</v>
      </c>
      <c r="U21" s="47">
        <v>6050842.3714062041</v>
      </c>
      <c r="V21" s="47">
        <v>6050842.3714062041</v>
      </c>
    </row>
    <row r="22" spans="1:22">
      <c r="A22" s="40"/>
      <c r="B22" s="40"/>
      <c r="C22" s="40"/>
      <c r="D22" s="40"/>
      <c r="E22" s="40"/>
      <c r="F22" s="40"/>
      <c r="G22" s="40"/>
      <c r="H22" s="40"/>
      <c r="I22" s="40"/>
      <c r="J22" s="40"/>
      <c r="K22" s="40"/>
      <c r="L22" s="40"/>
      <c r="M22" s="40"/>
      <c r="N22" s="40"/>
      <c r="O22" s="40"/>
      <c r="P22" s="40"/>
      <c r="Q22" s="40"/>
      <c r="R22" s="40"/>
      <c r="S22" s="40"/>
      <c r="T22" s="40"/>
      <c r="U22" s="40"/>
      <c r="V22" s="40"/>
    </row>
    <row r="23" spans="1:22">
      <c r="A23" s="40" t="s">
        <v>69</v>
      </c>
      <c r="B23" s="40"/>
      <c r="C23" s="41">
        <v>621401.92029433337</v>
      </c>
      <c r="D23" s="41">
        <v>835189.66607433348</v>
      </c>
      <c r="E23" s="41">
        <v>1043403.2915143333</v>
      </c>
      <c r="F23" s="41">
        <v>1231455.3315143334</v>
      </c>
      <c r="G23" s="41">
        <v>1415026.2515143333</v>
      </c>
      <c r="H23" s="41">
        <v>977306.55355333316</v>
      </c>
      <c r="I23" s="41">
        <v>947089.7277733332</v>
      </c>
      <c r="J23" s="41">
        <v>922447.02233333315</v>
      </c>
      <c r="K23" s="41">
        <v>917965.90233333316</v>
      </c>
      <c r="L23" s="41">
        <v>939965.90233333316</v>
      </c>
      <c r="M23" s="41">
        <v>956054.07111333311</v>
      </c>
      <c r="N23" s="41">
        <v>986270.89689333318</v>
      </c>
      <c r="O23" s="41">
        <v>1010913.6023333331</v>
      </c>
      <c r="P23" s="41">
        <v>1015394.7223333331</v>
      </c>
      <c r="Q23" s="41">
        <v>993394.72233333322</v>
      </c>
      <c r="R23" s="41">
        <v>977306.55355333316</v>
      </c>
      <c r="S23" s="41">
        <v>947089.7277733332</v>
      </c>
      <c r="T23" s="41">
        <v>922447.02233333315</v>
      </c>
      <c r="U23" s="41">
        <v>917965.90233333316</v>
      </c>
      <c r="V23" s="41">
        <v>917965.90233333316</v>
      </c>
    </row>
    <row r="24" spans="1:22">
      <c r="A24" s="40"/>
      <c r="B24" s="40"/>
      <c r="C24" s="40"/>
      <c r="D24" s="40"/>
      <c r="E24" s="40"/>
      <c r="F24" s="40"/>
      <c r="G24" s="40"/>
      <c r="H24" s="40"/>
      <c r="I24" s="40"/>
      <c r="J24" s="40"/>
      <c r="K24" s="40"/>
      <c r="L24" s="40"/>
      <c r="M24" s="40"/>
      <c r="N24" s="40"/>
      <c r="O24" s="40"/>
      <c r="P24" s="40"/>
      <c r="Q24" s="40"/>
      <c r="R24" s="40"/>
      <c r="S24" s="40"/>
      <c r="T24" s="40"/>
      <c r="U24" s="40"/>
      <c r="V24" s="40"/>
    </row>
    <row r="25" spans="1:22">
      <c r="A25" s="44" t="s">
        <v>70</v>
      </c>
      <c r="B25" s="44"/>
      <c r="C25" s="47">
        <v>946048.85995624948</v>
      </c>
      <c r="D25" s="47">
        <v>732261.11417624936</v>
      </c>
      <c r="E25" s="47">
        <v>524047.48873624951</v>
      </c>
      <c r="F25" s="47">
        <v>328592.64873624966</v>
      </c>
      <c r="G25" s="47">
        <v>145021.72873624973</v>
      </c>
      <c r="H25" s="47">
        <v>582741.42669724987</v>
      </c>
      <c r="I25" s="47">
        <v>612958.25247724983</v>
      </c>
      <c r="J25" s="47">
        <v>637600.95791724988</v>
      </c>
      <c r="K25" s="47">
        <v>642082.07791724987</v>
      </c>
      <c r="L25" s="47">
        <v>620082.07791724987</v>
      </c>
      <c r="M25" s="47">
        <v>611396.70913724974</v>
      </c>
      <c r="N25" s="47">
        <v>581179.88335724967</v>
      </c>
      <c r="O25" s="47">
        <v>556537.17791724973</v>
      </c>
      <c r="P25" s="47">
        <v>544653.25791724992</v>
      </c>
      <c r="Q25" s="47">
        <v>566653.25791724981</v>
      </c>
      <c r="R25" s="47">
        <v>582741.42669724987</v>
      </c>
      <c r="S25" s="47">
        <v>612958.25247724983</v>
      </c>
      <c r="T25" s="47">
        <v>637600.95791724988</v>
      </c>
      <c r="U25" s="47">
        <v>642082.07791724987</v>
      </c>
      <c r="V25" s="47">
        <v>642082.07791724987</v>
      </c>
    </row>
    <row r="26" spans="1:22">
      <c r="A26" s="40"/>
      <c r="B26" s="40"/>
      <c r="C26" s="40"/>
      <c r="D26" s="40"/>
      <c r="E26" s="40"/>
      <c r="F26" s="40"/>
      <c r="G26" s="40"/>
      <c r="H26" s="40"/>
      <c r="I26" s="40"/>
      <c r="J26" s="40"/>
      <c r="K26" s="40"/>
      <c r="L26" s="40"/>
      <c r="M26" s="40"/>
      <c r="N26" s="40"/>
      <c r="O26" s="40"/>
      <c r="P26" s="40"/>
      <c r="Q26" s="40"/>
      <c r="R26" s="40"/>
      <c r="S26" s="40"/>
      <c r="T26" s="40"/>
      <c r="U26" s="40"/>
      <c r="V26" s="40"/>
    </row>
    <row r="27" spans="1:22">
      <c r="A27" s="40" t="s">
        <v>71</v>
      </c>
      <c r="B27" s="40"/>
      <c r="C27" s="41">
        <v>321656.61238512484</v>
      </c>
      <c r="D27" s="41">
        <v>248968.7788199248</v>
      </c>
      <c r="E27" s="41">
        <v>178176.14617032485</v>
      </c>
      <c r="F27" s="41">
        <v>111721.50057032489</v>
      </c>
      <c r="G27" s="41">
        <v>49307.387770324909</v>
      </c>
      <c r="H27" s="41">
        <v>198132.08507706498</v>
      </c>
      <c r="I27" s="41">
        <v>208405.80584226496</v>
      </c>
      <c r="J27" s="41">
        <v>216784.32569186497</v>
      </c>
      <c r="K27" s="41">
        <v>218307.90649186497</v>
      </c>
      <c r="L27" s="41">
        <v>210827.90649186497</v>
      </c>
      <c r="M27" s="41">
        <v>207874.88110666492</v>
      </c>
      <c r="N27" s="41">
        <v>197601.16034146491</v>
      </c>
      <c r="O27" s="41">
        <v>189222.64049186494</v>
      </c>
      <c r="P27" s="41">
        <v>185182.10769186498</v>
      </c>
      <c r="Q27" s="41">
        <v>192662.10769186495</v>
      </c>
      <c r="R27" s="41">
        <v>198132.08507706498</v>
      </c>
      <c r="S27" s="41">
        <v>208405.80584226496</v>
      </c>
      <c r="T27" s="41">
        <v>216784.32569186497</v>
      </c>
      <c r="U27" s="41">
        <v>218307.90649186497</v>
      </c>
      <c r="V27" s="41">
        <v>218307.90649186497</v>
      </c>
    </row>
    <row r="28" spans="1:22">
      <c r="A28" s="40"/>
      <c r="B28" s="40"/>
      <c r="C28" s="40"/>
      <c r="D28" s="40"/>
      <c r="E28" s="40"/>
      <c r="F28" s="40"/>
      <c r="G28" s="40"/>
      <c r="H28" s="40"/>
      <c r="I28" s="40"/>
      <c r="J28" s="40"/>
      <c r="K28" s="40"/>
      <c r="L28" s="40"/>
      <c r="M28" s="40"/>
      <c r="N28" s="40"/>
      <c r="O28" s="40"/>
      <c r="P28" s="40"/>
      <c r="Q28" s="40"/>
      <c r="R28" s="40"/>
      <c r="S28" s="40"/>
      <c r="T28" s="40"/>
      <c r="U28" s="40"/>
      <c r="V28" s="40"/>
    </row>
    <row r="29" spans="1:22">
      <c r="A29" s="44" t="s">
        <v>72</v>
      </c>
      <c r="B29" s="44"/>
      <c r="C29" s="47">
        <v>624392.2475711247</v>
      </c>
      <c r="D29" s="47">
        <v>483292.33535632456</v>
      </c>
      <c r="E29" s="47">
        <v>345871.34256592463</v>
      </c>
      <c r="F29" s="47">
        <v>216871.14816592477</v>
      </c>
      <c r="G29" s="47">
        <v>95714.340965924814</v>
      </c>
      <c r="H29" s="47">
        <v>384609.34162018489</v>
      </c>
      <c r="I29" s="47">
        <v>404552.44663498487</v>
      </c>
      <c r="J29" s="47">
        <v>420816.63222538494</v>
      </c>
      <c r="K29" s="47">
        <v>423774.17142538493</v>
      </c>
      <c r="L29" s="47">
        <v>409254.17142538493</v>
      </c>
      <c r="M29" s="47">
        <v>403521.82803058485</v>
      </c>
      <c r="N29" s="47">
        <v>383578.72301578475</v>
      </c>
      <c r="O29" s="47">
        <v>367314.5374253848</v>
      </c>
      <c r="P29" s="47">
        <v>359471.15022538498</v>
      </c>
      <c r="Q29" s="47">
        <v>373991.15022538486</v>
      </c>
      <c r="R29" s="47">
        <v>384609.34162018489</v>
      </c>
      <c r="S29" s="47">
        <v>404552.44663498487</v>
      </c>
      <c r="T29" s="47">
        <v>420816.63222538494</v>
      </c>
      <c r="U29" s="47">
        <v>423774.17142538493</v>
      </c>
      <c r="V29" s="47">
        <v>423774.17142538493</v>
      </c>
    </row>
    <row r="30" spans="1:22">
      <c r="A30" s="40"/>
      <c r="B30" s="40"/>
      <c r="C30" s="40"/>
      <c r="D30" s="40"/>
      <c r="E30" s="40"/>
      <c r="F30" s="40"/>
      <c r="G30" s="40"/>
      <c r="H30" s="40"/>
      <c r="I30" s="40"/>
      <c r="J30" s="40"/>
      <c r="K30" s="40"/>
      <c r="L30" s="40"/>
      <c r="M30" s="40"/>
      <c r="N30" s="40"/>
      <c r="O30" s="40"/>
      <c r="P30" s="40"/>
      <c r="Q30" s="40"/>
      <c r="R30" s="40"/>
      <c r="S30" s="40"/>
      <c r="T30" s="40"/>
      <c r="U30" s="40"/>
      <c r="V30" s="40"/>
    </row>
    <row r="31" spans="1:22">
      <c r="A31" s="40" t="s">
        <v>73</v>
      </c>
      <c r="B31" s="40"/>
      <c r="C31" s="41">
        <v>621401.92029433337</v>
      </c>
      <c r="D31" s="41">
        <v>835189.66607433348</v>
      </c>
      <c r="E31" s="41">
        <v>1043403.2915143333</v>
      </c>
      <c r="F31" s="41">
        <v>1231455.3315143334</v>
      </c>
      <c r="G31" s="41">
        <v>1415026.2515143333</v>
      </c>
      <c r="H31" s="41">
        <v>977306.55355333316</v>
      </c>
      <c r="I31" s="41">
        <v>947089.7277733332</v>
      </c>
      <c r="J31" s="41">
        <v>922447.02233333315</v>
      </c>
      <c r="K31" s="41">
        <v>917965.90233333316</v>
      </c>
      <c r="L31" s="41">
        <v>939965.90233333316</v>
      </c>
      <c r="M31" s="41">
        <v>956054.07111333311</v>
      </c>
      <c r="N31" s="41">
        <v>986270.89689333318</v>
      </c>
      <c r="O31" s="41">
        <v>1010913.6023333331</v>
      </c>
      <c r="P31" s="41">
        <v>1015394.7223333331</v>
      </c>
      <c r="Q31" s="41">
        <v>993394.72233333322</v>
      </c>
      <c r="R31" s="41">
        <v>977306.55355333316</v>
      </c>
      <c r="S31" s="41">
        <v>947089.7277733332</v>
      </c>
      <c r="T31" s="41">
        <v>922447.02233333315</v>
      </c>
      <c r="U31" s="41">
        <v>917965.90233333316</v>
      </c>
      <c r="V31" s="41">
        <v>917965.90233333316</v>
      </c>
    </row>
    <row r="32" spans="1:22">
      <c r="A32" s="40"/>
      <c r="B32" s="40"/>
      <c r="C32" s="40"/>
      <c r="D32" s="40"/>
      <c r="E32" s="40"/>
      <c r="F32" s="40"/>
      <c r="G32" s="40"/>
      <c r="H32" s="40"/>
      <c r="I32" s="40"/>
      <c r="J32" s="40"/>
      <c r="K32" s="40"/>
      <c r="L32" s="40"/>
      <c r="M32" s="40"/>
      <c r="N32" s="40"/>
      <c r="O32" s="40"/>
      <c r="P32" s="40"/>
      <c r="Q32" s="40"/>
      <c r="R32" s="40"/>
      <c r="S32" s="40"/>
      <c r="T32" s="40"/>
      <c r="U32" s="40"/>
      <c r="V32" s="40"/>
    </row>
    <row r="33" spans="1:22">
      <c r="A33" s="44" t="s">
        <v>74</v>
      </c>
      <c r="B33" s="44"/>
      <c r="C33" s="47">
        <v>1245794.1678654579</v>
      </c>
      <c r="D33" s="47">
        <v>1318482.0014306582</v>
      </c>
      <c r="E33" s="47">
        <v>1389274.634080258</v>
      </c>
      <c r="F33" s="47">
        <v>1448326.4796802581</v>
      </c>
      <c r="G33" s="47">
        <v>1510740.5924802581</v>
      </c>
      <c r="H33" s="47">
        <v>1361915.895173518</v>
      </c>
      <c r="I33" s="47">
        <v>1351642.174408318</v>
      </c>
      <c r="J33" s="47">
        <v>1343263.6545587182</v>
      </c>
      <c r="K33" s="47">
        <v>1341740.0737587181</v>
      </c>
      <c r="L33" s="47">
        <v>1349220.0737587181</v>
      </c>
      <c r="M33" s="47">
        <v>1359575.899143918</v>
      </c>
      <c r="N33" s="47">
        <v>1369849.6199091179</v>
      </c>
      <c r="O33" s="47">
        <v>1378228.139758718</v>
      </c>
      <c r="P33" s="47">
        <v>1374865.8725587181</v>
      </c>
      <c r="Q33" s="47">
        <v>1367385.8725587181</v>
      </c>
      <c r="R33" s="47">
        <v>1361915.895173518</v>
      </c>
      <c r="S33" s="47">
        <v>1351642.174408318</v>
      </c>
      <c r="T33" s="47">
        <v>1343263.6545587182</v>
      </c>
      <c r="U33" s="47">
        <v>1341740.0737587181</v>
      </c>
      <c r="V33" s="47">
        <v>1341740.0737587181</v>
      </c>
    </row>
    <row r="34" spans="1:22">
      <c r="A34" s="40"/>
      <c r="B34" s="40"/>
      <c r="C34" s="40"/>
      <c r="D34" s="40"/>
      <c r="E34" s="40"/>
      <c r="F34" s="40"/>
      <c r="G34" s="40"/>
      <c r="H34" s="40"/>
      <c r="I34" s="40"/>
      <c r="J34" s="40"/>
      <c r="K34" s="40"/>
      <c r="L34" s="40"/>
      <c r="M34" s="40"/>
      <c r="N34" s="40"/>
      <c r="O34" s="40"/>
      <c r="P34" s="40"/>
      <c r="Q34" s="40"/>
      <c r="R34" s="40"/>
      <c r="S34" s="40"/>
      <c r="T34" s="40"/>
      <c r="U34" s="40"/>
      <c r="V34" s="40"/>
    </row>
    <row r="35" spans="1:22">
      <c r="A35" s="40" t="s">
        <v>75</v>
      </c>
      <c r="B35" s="46">
        <v>4100239.9379839217</v>
      </c>
      <c r="C35" s="46">
        <v>998295.44389999995</v>
      </c>
      <c r="D35" s="46">
        <v>1068938.7289</v>
      </c>
      <c r="E35" s="46">
        <v>1041068.1272</v>
      </c>
      <c r="F35" s="46">
        <v>940260.2</v>
      </c>
      <c r="G35" s="46">
        <v>917854.6</v>
      </c>
      <c r="H35" s="46">
        <v>917854.6</v>
      </c>
      <c r="I35" s="46">
        <v>917854.6</v>
      </c>
      <c r="J35" s="46">
        <v>917854.6</v>
      </c>
      <c r="K35" s="46">
        <v>917854.6</v>
      </c>
      <c r="L35" s="46">
        <v>1027854.6</v>
      </c>
      <c r="M35" s="46">
        <v>998295.44389999995</v>
      </c>
      <c r="N35" s="46">
        <v>1068938.7289</v>
      </c>
      <c r="O35" s="46">
        <v>1041068.1272</v>
      </c>
      <c r="P35" s="46">
        <v>940260.2</v>
      </c>
      <c r="Q35" s="46">
        <v>917854.6</v>
      </c>
      <c r="R35" s="46">
        <v>917854.6</v>
      </c>
      <c r="S35" s="46">
        <v>917854.6</v>
      </c>
      <c r="T35" s="46">
        <v>917854.6</v>
      </c>
      <c r="U35" s="46">
        <v>917854.6</v>
      </c>
      <c r="V35" s="46">
        <v>835067.75655607937</v>
      </c>
    </row>
    <row r="36" spans="1:22">
      <c r="A36" s="48" t="s">
        <v>76</v>
      </c>
      <c r="B36" s="47">
        <v>3946682.9945400008</v>
      </c>
      <c r="C36" s="47">
        <v>917854.6</v>
      </c>
      <c r="D36" s="47">
        <v>917854.6</v>
      </c>
      <c r="E36" s="47">
        <v>917854.6</v>
      </c>
      <c r="F36" s="47">
        <v>917854.6</v>
      </c>
      <c r="G36" s="47">
        <v>917854.6</v>
      </c>
      <c r="H36" s="47">
        <v>917854.6</v>
      </c>
      <c r="I36" s="47">
        <v>917854.6</v>
      </c>
      <c r="J36" s="47">
        <v>917854.6</v>
      </c>
      <c r="K36" s="47">
        <v>917854.6</v>
      </c>
      <c r="L36" s="47">
        <v>917854.6</v>
      </c>
      <c r="M36" s="47">
        <v>917854.6</v>
      </c>
      <c r="N36" s="47">
        <v>917854.6</v>
      </c>
      <c r="O36" s="47">
        <v>917854.6</v>
      </c>
      <c r="P36" s="47">
        <v>917854.6</v>
      </c>
      <c r="Q36" s="47">
        <v>917854.6</v>
      </c>
      <c r="R36" s="47">
        <v>917854.6</v>
      </c>
      <c r="S36" s="47">
        <v>917854.6</v>
      </c>
      <c r="T36" s="47">
        <v>917854.6</v>
      </c>
      <c r="U36" s="47">
        <v>917854.6</v>
      </c>
      <c r="V36" s="47">
        <v>917854.6</v>
      </c>
    </row>
    <row r="37" spans="1:22">
      <c r="A37" s="49" t="s">
        <v>77</v>
      </c>
      <c r="B37" s="41">
        <v>66000</v>
      </c>
      <c r="C37" s="41">
        <v>80440.843899999993</v>
      </c>
      <c r="D37" s="41">
        <v>151084.12890000001</v>
      </c>
      <c r="E37" s="41">
        <v>123213.52720000001</v>
      </c>
      <c r="F37" s="41">
        <v>22405.599999999999</v>
      </c>
      <c r="G37" s="41">
        <v>0</v>
      </c>
      <c r="H37" s="41">
        <v>0</v>
      </c>
      <c r="I37" s="41">
        <v>0</v>
      </c>
      <c r="J37" s="41">
        <v>0</v>
      </c>
      <c r="K37" s="41">
        <v>0</v>
      </c>
      <c r="L37" s="41">
        <v>110000</v>
      </c>
      <c r="M37" s="41">
        <v>80440.843899999993</v>
      </c>
      <c r="N37" s="41">
        <v>151084.12890000001</v>
      </c>
      <c r="O37" s="41">
        <v>123213.52720000001</v>
      </c>
      <c r="P37" s="41">
        <v>22405.599999999999</v>
      </c>
      <c r="Q37" s="41">
        <v>0</v>
      </c>
      <c r="R37" s="41">
        <v>0</v>
      </c>
      <c r="S37" s="41">
        <v>0</v>
      </c>
      <c r="T37" s="41">
        <v>0</v>
      </c>
      <c r="U37" s="41">
        <v>0</v>
      </c>
      <c r="V37" s="41">
        <v>0</v>
      </c>
    </row>
    <row r="38" spans="1:22">
      <c r="A38" s="48" t="s">
        <v>78</v>
      </c>
      <c r="B38" s="50">
        <v>4770.1000000000004</v>
      </c>
      <c r="C38" s="44">
        <v>0</v>
      </c>
      <c r="D38" s="44">
        <v>0</v>
      </c>
      <c r="E38" s="44">
        <v>0</v>
      </c>
      <c r="F38" s="44">
        <v>0</v>
      </c>
      <c r="G38" s="44">
        <v>0</v>
      </c>
      <c r="H38" s="44">
        <v>0</v>
      </c>
      <c r="I38" s="44">
        <v>0</v>
      </c>
      <c r="J38" s="44">
        <v>0</v>
      </c>
      <c r="K38" s="44">
        <v>0</v>
      </c>
      <c r="L38" s="44">
        <v>0</v>
      </c>
      <c r="M38" s="44"/>
      <c r="N38" s="44"/>
      <c r="O38" s="44"/>
      <c r="P38" s="44"/>
      <c r="Q38" s="44"/>
      <c r="R38" s="44"/>
      <c r="S38" s="44"/>
      <c r="T38" s="44"/>
      <c r="U38" s="44"/>
      <c r="V38" s="44"/>
    </row>
    <row r="39" spans="1:22">
      <c r="A39" s="49" t="s">
        <v>79</v>
      </c>
      <c r="B39" s="41">
        <v>82786.843443920603</v>
      </c>
      <c r="C39" s="40">
        <v>0</v>
      </c>
      <c r="D39" s="40">
        <v>0</v>
      </c>
      <c r="E39" s="40">
        <v>0</v>
      </c>
      <c r="F39" s="40">
        <v>0</v>
      </c>
      <c r="G39" s="40">
        <v>0</v>
      </c>
      <c r="H39" s="40">
        <v>0</v>
      </c>
      <c r="I39" s="40">
        <v>0</v>
      </c>
      <c r="J39" s="40">
        <v>0</v>
      </c>
      <c r="K39" s="40">
        <v>0</v>
      </c>
      <c r="L39" s="46">
        <v>0</v>
      </c>
      <c r="M39" s="46">
        <v>0</v>
      </c>
      <c r="N39" s="46">
        <v>0</v>
      </c>
      <c r="O39" s="46">
        <v>0</v>
      </c>
      <c r="P39" s="46">
        <v>0</v>
      </c>
      <c r="Q39" s="46">
        <v>0</v>
      </c>
      <c r="R39" s="46">
        <v>0</v>
      </c>
      <c r="S39" s="46">
        <v>0</v>
      </c>
      <c r="T39" s="46">
        <v>0</v>
      </c>
      <c r="U39" s="46">
        <v>0</v>
      </c>
      <c r="V39" s="46">
        <v>-82786.843443920603</v>
      </c>
    </row>
    <row r="40" spans="1:22">
      <c r="A40" s="40"/>
      <c r="B40" s="40"/>
      <c r="C40" s="40"/>
      <c r="D40" s="40"/>
      <c r="E40" s="40"/>
      <c r="F40" s="40"/>
      <c r="G40" s="40"/>
      <c r="H40" s="40"/>
      <c r="I40" s="40"/>
      <c r="J40" s="40"/>
      <c r="K40" s="40"/>
      <c r="L40" s="40"/>
      <c r="M40" s="40"/>
      <c r="N40" s="40"/>
      <c r="O40" s="40"/>
      <c r="P40" s="40"/>
      <c r="Q40" s="40"/>
      <c r="R40" s="40"/>
      <c r="S40" s="40"/>
      <c r="T40" s="40"/>
      <c r="U40" s="40"/>
      <c r="V40" s="40"/>
    </row>
    <row r="41" spans="1:22">
      <c r="A41" s="44" t="s">
        <v>80</v>
      </c>
      <c r="B41" s="45">
        <v>0</v>
      </c>
      <c r="C41" s="45">
        <v>39008.820500000002</v>
      </c>
      <c r="D41" s="45">
        <v>39008.820500000002</v>
      </c>
      <c r="E41" s="45">
        <v>39008.820500000002</v>
      </c>
      <c r="F41" s="45">
        <v>39008.820500000002</v>
      </c>
      <c r="G41" s="45">
        <v>39008.820500000002</v>
      </c>
      <c r="H41" s="45">
        <v>39008.820500000002</v>
      </c>
      <c r="I41" s="45">
        <v>39008.820500000002</v>
      </c>
      <c r="J41" s="45">
        <v>39008.820500000002</v>
      </c>
      <c r="K41" s="45">
        <v>39008.820500000002</v>
      </c>
      <c r="L41" s="45">
        <v>39008.820500000002</v>
      </c>
      <c r="M41" s="45">
        <v>39008.820500000002</v>
      </c>
      <c r="N41" s="45">
        <v>39008.820500000002</v>
      </c>
      <c r="O41" s="45">
        <v>39008.820500000002</v>
      </c>
      <c r="P41" s="45">
        <v>39008.820500000002</v>
      </c>
      <c r="Q41" s="45">
        <v>39008.820500000002</v>
      </c>
      <c r="R41" s="45">
        <v>39008.820500000002</v>
      </c>
      <c r="S41" s="45">
        <v>39008.820500000002</v>
      </c>
      <c r="T41" s="45">
        <v>39008.820500000002</v>
      </c>
      <c r="U41" s="45">
        <v>39008.820500000002</v>
      </c>
      <c r="V41" s="45">
        <v>2655065.8296923335</v>
      </c>
    </row>
    <row r="42" spans="1:22">
      <c r="A42" s="40" t="s">
        <v>81</v>
      </c>
      <c r="B42" s="40"/>
      <c r="C42" s="46">
        <v>39008.820500000002</v>
      </c>
      <c r="D42" s="46">
        <v>39008.820500000002</v>
      </c>
      <c r="E42" s="46">
        <v>39008.820500000002</v>
      </c>
      <c r="F42" s="46">
        <v>39008.820500000002</v>
      </c>
      <c r="G42" s="46">
        <v>39008.820500000002</v>
      </c>
      <c r="H42" s="46">
        <v>39008.820500000002</v>
      </c>
      <c r="I42" s="46">
        <v>39008.820500000002</v>
      </c>
      <c r="J42" s="46">
        <v>39008.820500000002</v>
      </c>
      <c r="K42" s="46">
        <v>39008.820500000002</v>
      </c>
      <c r="L42" s="46">
        <v>39008.820500000002</v>
      </c>
      <c r="M42" s="46">
        <v>39008.820500000002</v>
      </c>
      <c r="N42" s="46">
        <v>39008.820500000002</v>
      </c>
      <c r="O42" s="46">
        <v>39008.820500000002</v>
      </c>
      <c r="P42" s="46">
        <v>39008.820500000002</v>
      </c>
      <c r="Q42" s="46">
        <v>39008.820500000002</v>
      </c>
      <c r="R42" s="46">
        <v>39008.820500000002</v>
      </c>
      <c r="S42" s="46">
        <v>39008.820500000002</v>
      </c>
      <c r="T42" s="46">
        <v>39008.820500000002</v>
      </c>
      <c r="U42" s="46">
        <v>39008.820500000002</v>
      </c>
      <c r="V42" s="46">
        <v>2652521.7763590002</v>
      </c>
    </row>
    <row r="43" spans="1:22">
      <c r="A43" s="44" t="s">
        <v>82</v>
      </c>
      <c r="B43" s="44"/>
      <c r="C43" s="44">
        <v>0</v>
      </c>
      <c r="D43" s="44">
        <v>0</v>
      </c>
      <c r="E43" s="44">
        <v>0</v>
      </c>
      <c r="F43" s="44">
        <v>0</v>
      </c>
      <c r="G43" s="44">
        <v>0</v>
      </c>
      <c r="H43" s="44">
        <v>0</v>
      </c>
      <c r="I43" s="44">
        <v>0</v>
      </c>
      <c r="J43" s="44">
        <v>0</v>
      </c>
      <c r="K43" s="44">
        <v>0</v>
      </c>
      <c r="L43" s="45">
        <v>0</v>
      </c>
      <c r="M43" s="44">
        <v>0</v>
      </c>
      <c r="N43" s="44">
        <v>0</v>
      </c>
      <c r="O43" s="44">
        <v>0</v>
      </c>
      <c r="P43" s="44">
        <v>0</v>
      </c>
      <c r="Q43" s="44">
        <v>0</v>
      </c>
      <c r="R43" s="44">
        <v>0</v>
      </c>
      <c r="S43" s="44">
        <v>0</v>
      </c>
      <c r="T43" s="44">
        <v>0</v>
      </c>
      <c r="U43" s="44">
        <v>0</v>
      </c>
      <c r="V43" s="44">
        <v>2544.0533333333337</v>
      </c>
    </row>
    <row r="44" spans="1:22">
      <c r="A44" s="40"/>
      <c r="B44" s="40"/>
      <c r="C44" s="40"/>
      <c r="D44" s="40"/>
      <c r="E44" s="40"/>
      <c r="F44" s="40"/>
      <c r="G44" s="40"/>
      <c r="H44" s="40"/>
      <c r="I44" s="40"/>
      <c r="J44" s="40"/>
      <c r="K44" s="40"/>
      <c r="L44" s="40"/>
      <c r="M44" s="40"/>
      <c r="N44" s="40"/>
      <c r="O44" s="40"/>
      <c r="P44" s="40"/>
      <c r="Q44" s="40"/>
      <c r="R44" s="40"/>
      <c r="S44" s="40"/>
      <c r="T44" s="40"/>
      <c r="U44" s="40"/>
      <c r="V44" s="40"/>
    </row>
    <row r="45" spans="1:22">
      <c r="A45" s="52" t="s">
        <v>83</v>
      </c>
      <c r="B45" s="53">
        <v>-4100239.9379839217</v>
      </c>
      <c r="C45" s="53">
        <v>286507.54446545802</v>
      </c>
      <c r="D45" s="53">
        <v>288552.0930306582</v>
      </c>
      <c r="E45" s="53">
        <v>387215.32738025801</v>
      </c>
      <c r="F45" s="53">
        <v>547075.10018025816</v>
      </c>
      <c r="G45" s="53">
        <v>631894.81298025814</v>
      </c>
      <c r="H45" s="53">
        <v>483070.11567351804</v>
      </c>
      <c r="I45" s="53">
        <v>472796.39490831806</v>
      </c>
      <c r="J45" s="53">
        <v>464417.87505871826</v>
      </c>
      <c r="K45" s="53">
        <v>462894.29425871815</v>
      </c>
      <c r="L45" s="53">
        <v>360374.29425871815</v>
      </c>
      <c r="M45" s="53">
        <v>400289.27574391803</v>
      </c>
      <c r="N45" s="53">
        <v>339919.71150911797</v>
      </c>
      <c r="O45" s="53">
        <v>376168.83305871801</v>
      </c>
      <c r="P45" s="53">
        <v>473614.49305871816</v>
      </c>
      <c r="Q45" s="53">
        <v>488540.09305871814</v>
      </c>
      <c r="R45" s="53">
        <v>483070.11567351804</v>
      </c>
      <c r="S45" s="53">
        <v>472796.39490831806</v>
      </c>
      <c r="T45" s="53">
        <v>464417.87505871826</v>
      </c>
      <c r="U45" s="53">
        <v>462894.29425871815</v>
      </c>
      <c r="V45" s="53">
        <v>3161738.1468949723</v>
      </c>
    </row>
    <row r="46" spans="1:22">
      <c r="A46" s="40"/>
      <c r="B46" s="40"/>
      <c r="C46" s="46"/>
      <c r="D46" s="46"/>
      <c r="E46" s="46"/>
      <c r="F46" s="46"/>
      <c r="G46" s="46"/>
      <c r="H46" s="46"/>
      <c r="I46" s="46"/>
      <c r="J46" s="46"/>
      <c r="K46" s="46"/>
      <c r="L46" s="46"/>
      <c r="M46" s="46"/>
      <c r="N46" s="46"/>
      <c r="O46" s="46"/>
      <c r="P46" s="46"/>
      <c r="Q46" s="46"/>
      <c r="R46" s="46"/>
      <c r="S46" s="46"/>
      <c r="T46" s="46"/>
      <c r="U46" s="46"/>
      <c r="V46" s="46"/>
    </row>
    <row r="47" spans="1:22">
      <c r="A47" s="39"/>
      <c r="B47" s="40"/>
      <c r="C47" s="40"/>
      <c r="D47" s="40"/>
      <c r="E47" s="40"/>
      <c r="F47" s="40"/>
      <c r="G47" s="40"/>
      <c r="H47" s="40"/>
      <c r="I47" s="40"/>
      <c r="J47" s="40"/>
      <c r="K47" s="40"/>
      <c r="L47" s="40"/>
      <c r="M47" s="40"/>
      <c r="N47" s="40"/>
      <c r="O47" s="40"/>
      <c r="P47" s="40"/>
      <c r="Q47" s="40"/>
      <c r="R47" s="40"/>
      <c r="S47" s="40"/>
      <c r="T47" s="40"/>
      <c r="U47" s="40"/>
      <c r="V47" s="40"/>
    </row>
    <row r="48" spans="1:22">
      <c r="A48" s="40"/>
      <c r="B48" s="40"/>
      <c r="C48" s="40"/>
      <c r="D48" s="40"/>
      <c r="E48" s="40"/>
      <c r="F48" s="40"/>
      <c r="G48" s="40"/>
      <c r="H48" s="40"/>
      <c r="I48" s="40"/>
      <c r="J48" s="40"/>
      <c r="K48" s="40"/>
      <c r="L48" s="40"/>
      <c r="M48" s="40"/>
      <c r="N48" s="40"/>
      <c r="O48" s="40"/>
      <c r="P48" s="40"/>
      <c r="Q48" s="40"/>
      <c r="R48" s="40"/>
      <c r="S48" s="40"/>
      <c r="T48" s="40"/>
      <c r="U48" s="40"/>
      <c r="V48" s="40"/>
    </row>
    <row r="49" spans="1:22" ht="12" thickBot="1"/>
    <row r="50" spans="1:22" ht="16.5" thickBot="1">
      <c r="A50" s="117" t="s">
        <v>58</v>
      </c>
      <c r="B50" s="118">
        <v>9.8500000000000004E-2</v>
      </c>
      <c r="C50" s="40"/>
      <c r="D50" s="40"/>
      <c r="E50" s="40"/>
      <c r="F50" s="40"/>
      <c r="G50" s="40"/>
      <c r="H50" s="40"/>
      <c r="I50" s="40"/>
      <c r="J50" s="40"/>
      <c r="K50" s="40"/>
      <c r="L50" s="40"/>
      <c r="M50" s="40"/>
      <c r="N50" s="40"/>
      <c r="O50" s="40"/>
      <c r="P50" s="40"/>
      <c r="Q50" s="40"/>
      <c r="R50" s="40"/>
      <c r="S50" s="40"/>
      <c r="T50" s="40"/>
      <c r="U50" s="40"/>
      <c r="V50" s="40"/>
    </row>
    <row r="51" spans="1:22">
      <c r="A51" s="40"/>
      <c r="B51" s="55"/>
      <c r="C51" s="40"/>
      <c r="D51" s="40"/>
      <c r="E51" s="40"/>
      <c r="F51" s="40"/>
      <c r="G51" s="40"/>
      <c r="H51" s="40"/>
      <c r="I51" s="40"/>
      <c r="J51" s="40"/>
      <c r="K51" s="40"/>
      <c r="L51" s="40"/>
      <c r="M51" s="56"/>
      <c r="N51" s="40"/>
      <c r="O51" s="40"/>
      <c r="P51" s="40"/>
      <c r="Q51" s="40"/>
      <c r="R51" s="40"/>
      <c r="S51" s="40"/>
      <c r="T51" s="40"/>
      <c r="U51" s="40"/>
      <c r="V51" s="40"/>
    </row>
    <row r="52" spans="1:22">
      <c r="A52" s="40"/>
      <c r="B52" s="55"/>
      <c r="C52" s="40"/>
      <c r="D52" s="40"/>
      <c r="E52" s="40"/>
      <c r="F52" s="40"/>
      <c r="G52" s="40"/>
      <c r="H52" s="40"/>
      <c r="I52" s="40"/>
      <c r="J52" s="40"/>
      <c r="K52" s="40"/>
      <c r="L52" s="40"/>
      <c r="M52" s="56"/>
      <c r="N52" s="40"/>
      <c r="O52" s="40"/>
      <c r="P52" s="40"/>
      <c r="Q52" s="40"/>
      <c r="R52" s="40"/>
      <c r="S52" s="40"/>
      <c r="T52" s="40"/>
      <c r="U52" s="40"/>
      <c r="V52" s="40"/>
    </row>
    <row r="53" spans="1:22">
      <c r="A53" s="40"/>
      <c r="B53" s="40"/>
      <c r="C53" s="40"/>
      <c r="D53" s="40"/>
      <c r="E53" s="40"/>
      <c r="F53" s="40"/>
      <c r="G53" s="40"/>
      <c r="H53" s="40"/>
      <c r="I53" s="40"/>
      <c r="J53" s="40"/>
      <c r="K53" s="40"/>
      <c r="L53" s="40"/>
      <c r="M53" s="40"/>
      <c r="N53" s="40"/>
      <c r="O53" s="40"/>
      <c r="P53" s="40"/>
      <c r="Q53" s="40"/>
      <c r="R53" s="40"/>
      <c r="S53" s="40"/>
      <c r="T53" s="40"/>
      <c r="U53" s="40"/>
      <c r="V53" s="40"/>
    </row>
    <row r="54" spans="1:22" ht="18">
      <c r="A54" s="116" t="s">
        <v>115</v>
      </c>
      <c r="B54" s="40"/>
      <c r="C54" s="40"/>
      <c r="D54" s="40"/>
      <c r="E54" s="40"/>
      <c r="F54" s="40"/>
      <c r="G54" s="40"/>
      <c r="H54" s="40"/>
      <c r="I54" s="40"/>
      <c r="J54" s="40"/>
      <c r="K54" s="40"/>
      <c r="L54" s="40"/>
      <c r="M54" s="40"/>
      <c r="N54" s="40"/>
      <c r="O54" s="40"/>
      <c r="P54" s="40"/>
      <c r="Q54" s="40"/>
      <c r="R54" s="40"/>
      <c r="S54" s="40"/>
      <c r="T54" s="40"/>
      <c r="U54" s="40"/>
      <c r="V54" s="40"/>
    </row>
    <row r="55" spans="1:22">
      <c r="A55" s="57" t="s">
        <v>84</v>
      </c>
      <c r="B55" s="58"/>
      <c r="C55" s="59">
        <v>621401.92029433337</v>
      </c>
      <c r="D55" s="60">
        <v>835189.66607433348</v>
      </c>
      <c r="E55" s="60">
        <v>1043403.2915143333</v>
      </c>
      <c r="F55" s="60">
        <v>1231455.3315143334</v>
      </c>
      <c r="G55" s="60">
        <v>1415026.2515143333</v>
      </c>
      <c r="H55" s="60">
        <v>977306.55355333316</v>
      </c>
      <c r="I55" s="60">
        <v>947089.7277733332</v>
      </c>
      <c r="J55" s="60">
        <v>922447.02233333315</v>
      </c>
      <c r="K55" s="60">
        <v>917965.90233333316</v>
      </c>
      <c r="L55" s="60">
        <v>939965.90233333316</v>
      </c>
      <c r="M55" s="60">
        <v>956054.07111333311</v>
      </c>
      <c r="N55" s="60">
        <v>986270.89689333318</v>
      </c>
      <c r="O55" s="60">
        <v>1010913.6023333331</v>
      </c>
      <c r="P55" s="60">
        <v>1015394.7223333331</v>
      </c>
      <c r="Q55" s="60">
        <v>993394.72233333322</v>
      </c>
      <c r="R55" s="60">
        <v>977306.55355333316</v>
      </c>
      <c r="S55" s="60">
        <v>947089.7277733332</v>
      </c>
      <c r="T55" s="60">
        <v>922447.02233333315</v>
      </c>
      <c r="U55" s="60">
        <v>917965.90233333316</v>
      </c>
      <c r="V55" s="61">
        <v>917965.90233333316</v>
      </c>
    </row>
    <row r="56" spans="1:22">
      <c r="A56" s="62" t="s">
        <v>85</v>
      </c>
      <c r="B56" s="63"/>
      <c r="C56" s="65">
        <v>592002.44918100012</v>
      </c>
      <c r="D56" s="65">
        <v>775573.36918100016</v>
      </c>
      <c r="E56" s="65">
        <v>959144.28918100009</v>
      </c>
      <c r="F56" s="65">
        <v>1142715.209181</v>
      </c>
      <c r="G56" s="65">
        <v>1326286.1291809999</v>
      </c>
      <c r="H56" s="65">
        <v>917854.59999999986</v>
      </c>
      <c r="I56" s="65">
        <v>917854.59999999986</v>
      </c>
      <c r="J56" s="65">
        <v>917854.59999999986</v>
      </c>
      <c r="K56" s="65">
        <v>917854.59999999986</v>
      </c>
      <c r="L56" s="65">
        <v>917854.59999999986</v>
      </c>
      <c r="M56" s="65">
        <v>917854.59999999986</v>
      </c>
      <c r="N56" s="65">
        <v>917854.59999999986</v>
      </c>
      <c r="O56" s="65">
        <v>917854.59999999986</v>
      </c>
      <c r="P56" s="65">
        <v>917854.59999999986</v>
      </c>
      <c r="Q56" s="65">
        <v>917854.59999999986</v>
      </c>
      <c r="R56" s="65">
        <v>917854.59999999986</v>
      </c>
      <c r="S56" s="65">
        <v>917854.59999999986</v>
      </c>
      <c r="T56" s="65">
        <v>917854.59999999986</v>
      </c>
      <c r="U56" s="65">
        <v>917854.59999999986</v>
      </c>
      <c r="V56" s="66">
        <v>917854.59999999986</v>
      </c>
    </row>
    <row r="57" spans="1:22">
      <c r="A57" s="67" t="s">
        <v>86</v>
      </c>
      <c r="B57" s="40"/>
      <c r="C57" s="41">
        <v>111.30233333333334</v>
      </c>
      <c r="D57" s="41">
        <v>111.30233333333334</v>
      </c>
      <c r="E57" s="41">
        <v>111.30233333333334</v>
      </c>
      <c r="F57" s="41">
        <v>111.30233333333334</v>
      </c>
      <c r="G57" s="41">
        <v>111.30233333333334</v>
      </c>
      <c r="H57" s="41">
        <v>111.30233333333334</v>
      </c>
      <c r="I57" s="41">
        <v>111.30233333333334</v>
      </c>
      <c r="J57" s="41">
        <v>111.30233333333334</v>
      </c>
      <c r="K57" s="41">
        <v>111.30233333333334</v>
      </c>
      <c r="L57" s="41">
        <v>111.30233333333334</v>
      </c>
      <c r="M57" s="41">
        <v>111.30233333333334</v>
      </c>
      <c r="N57" s="41">
        <v>111.30233333333334</v>
      </c>
      <c r="O57" s="41">
        <v>111.30233333333334</v>
      </c>
      <c r="P57" s="41">
        <v>111.30233333333334</v>
      </c>
      <c r="Q57" s="41">
        <v>111.30233333333334</v>
      </c>
      <c r="R57" s="41">
        <v>111.30233333333334</v>
      </c>
      <c r="S57" s="41">
        <v>111.30233333333334</v>
      </c>
      <c r="T57" s="41">
        <v>111.30233333333334</v>
      </c>
      <c r="U57" s="41">
        <v>111.30233333333334</v>
      </c>
      <c r="V57" s="41">
        <v>111.30233333333334</v>
      </c>
    </row>
    <row r="58" spans="1:22">
      <c r="A58" s="70" t="s">
        <v>87</v>
      </c>
      <c r="B58" s="71"/>
      <c r="C58" s="73">
        <v>29288.16878</v>
      </c>
      <c r="D58" s="73">
        <v>59504.994560000006</v>
      </c>
      <c r="E58" s="73">
        <v>84147.700000000012</v>
      </c>
      <c r="F58" s="73">
        <v>88628.82</v>
      </c>
      <c r="G58" s="73">
        <v>88628.82</v>
      </c>
      <c r="H58" s="73">
        <v>59340.651220000007</v>
      </c>
      <c r="I58" s="73">
        <v>29123.825440000001</v>
      </c>
      <c r="J58" s="73">
        <v>4481.12</v>
      </c>
      <c r="K58" s="73">
        <v>0</v>
      </c>
      <c r="L58" s="73">
        <v>22000</v>
      </c>
      <c r="M58" s="73">
        <v>38088.16878</v>
      </c>
      <c r="N58" s="73">
        <v>68304.994560000006</v>
      </c>
      <c r="O58" s="73">
        <v>92947.700000000012</v>
      </c>
      <c r="P58" s="73">
        <v>97428.819999999992</v>
      </c>
      <c r="Q58" s="73">
        <v>75428.820000000007</v>
      </c>
      <c r="R58" s="73">
        <v>59340.65122</v>
      </c>
      <c r="S58" s="73">
        <v>29123.825440000001</v>
      </c>
      <c r="T58" s="73">
        <v>4481.12</v>
      </c>
      <c r="U58" s="73">
        <v>0</v>
      </c>
      <c r="V58" s="74">
        <v>0</v>
      </c>
    </row>
    <row r="88" spans="11:11" ht="12.75">
      <c r="K88" s="119" t="s">
        <v>134</v>
      </c>
    </row>
  </sheetData>
  <pageMargins left="0.19685039370078741" right="0.19685039370078741" top="0.19685039370078741" bottom="0.19685039370078741" header="0.31496062992125984" footer="0.31496062992125984"/>
  <pageSetup paperSize="9" scale="55" fitToWidth="2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15</vt:i4>
      </vt:variant>
      <vt:variant>
        <vt:lpstr>Intervalos nomeados</vt:lpstr>
      </vt:variant>
      <vt:variant>
        <vt:i4>23</vt:i4>
      </vt:variant>
    </vt:vector>
  </HeadingPairs>
  <TitlesOfParts>
    <vt:vector size="38" baseType="lpstr">
      <vt:lpstr>CAPA</vt:lpstr>
      <vt:lpstr>SUMÁRIO</vt:lpstr>
      <vt:lpstr>INVESTIMENTO</vt:lpstr>
      <vt:lpstr>MINI</vt:lpstr>
      <vt:lpstr>MIDI</vt:lpstr>
      <vt:lpstr>BÁSICO</vt:lpstr>
      <vt:lpstr>PADRON</vt:lpstr>
      <vt:lpstr>PADRON 15m</vt:lpstr>
      <vt:lpstr>ARTICULADO</vt:lpstr>
      <vt:lpstr>ARTICULADO 21</vt:lpstr>
      <vt:lpstr>ARTICULADO 23</vt:lpstr>
      <vt:lpstr>BIARTICULADO</vt:lpstr>
      <vt:lpstr>TROLEBUS</vt:lpstr>
      <vt:lpstr>TROLEBUS 15M</vt:lpstr>
      <vt:lpstr>TROLEBUS 15M BATERIA</vt:lpstr>
      <vt:lpstr>ARTICULADO!Area_de_impressao</vt:lpstr>
      <vt:lpstr>'ARTICULADO 21'!Area_de_impressao</vt:lpstr>
      <vt:lpstr>'ARTICULADO 23'!Area_de_impressao</vt:lpstr>
      <vt:lpstr>BÁSICO!Area_de_impressao</vt:lpstr>
      <vt:lpstr>BIARTICULADO!Area_de_impressao</vt:lpstr>
      <vt:lpstr>INVESTIMENTO!Area_de_impressao</vt:lpstr>
      <vt:lpstr>MIDI!Area_de_impressao</vt:lpstr>
      <vt:lpstr>MINI!Area_de_impressao</vt:lpstr>
      <vt:lpstr>PADRON!Area_de_impressao</vt:lpstr>
      <vt:lpstr>'PADRON 15m'!Area_de_impressao</vt:lpstr>
      <vt:lpstr>SUMÁRIO!Area_de_impressao</vt:lpstr>
      <vt:lpstr>TROLEBUS!Area_de_impressao</vt:lpstr>
      <vt:lpstr>'TROLEBUS 15M'!Area_de_impressao</vt:lpstr>
      <vt:lpstr>'TROLEBUS 15M BATERIA'!Area_de_impressao</vt:lpstr>
      <vt:lpstr>ARTICULADO!Titulos_de_impressao</vt:lpstr>
      <vt:lpstr>'ARTICULADO 21'!Titulos_de_impressao</vt:lpstr>
      <vt:lpstr>'ARTICULADO 23'!Titulos_de_impressao</vt:lpstr>
      <vt:lpstr>BÁSICO!Titulos_de_impressao</vt:lpstr>
      <vt:lpstr>BIARTICULADO!Titulos_de_impressao</vt:lpstr>
      <vt:lpstr>MIDI!Titulos_de_impressao</vt:lpstr>
      <vt:lpstr>MINI!Titulos_de_impressao</vt:lpstr>
      <vt:lpstr>PADRON!Titulos_de_impressao</vt:lpstr>
      <vt:lpstr>'PADRON 15m'!Titulos_de_impressao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ocumentos</dc:creator>
  <cp:lastModifiedBy>s1240498</cp:lastModifiedBy>
  <cp:lastPrinted>2018-04-23T18:32:46Z</cp:lastPrinted>
  <dcterms:created xsi:type="dcterms:W3CDTF">2018-04-21T18:02:03Z</dcterms:created>
  <dcterms:modified xsi:type="dcterms:W3CDTF">2018-04-23T18:32:53Z</dcterms:modified>
</cp:coreProperties>
</file>